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4000" windowHeight="9348"/>
  </bookViews>
  <sheets>
    <sheet name="西東京市" sheetId="1" r:id="rId1"/>
  </sheets>
  <definedNames>
    <definedName name="_xlnm.Print_Area" localSheetId="0">西東京市!$A$1:$Z$57,西東京市!$AB$59:$BQ$122</definedName>
  </definedNames>
  <calcPr calcId="145621"/>
</workbook>
</file>

<file path=xl/sharedStrings.xml><?xml version="1.0" encoding="utf-8"?>
<sst xmlns="http://schemas.openxmlformats.org/spreadsheetml/2006/main" count="347" uniqueCount="265">
  <si>
    <t xml:space="preserve"> 平  成  ３　０ 年  度</t>
    <phoneticPr fontId="4"/>
  </si>
  <si>
    <t>団体コード</t>
  </si>
  <si>
    <t>132292</t>
    <phoneticPr fontId="4"/>
  </si>
  <si>
    <t>市町村類型</t>
  </si>
  <si>
    <t>Ⅳ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西東京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25.2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柳泉園組合
＜収益事業＞
＜その他＞
東京市町村総合事務組合
多摩六都科学館組合
昭和病院企業団
東京都後期高齢者医療広域連合</t>
    <phoneticPr fontId="4"/>
  </si>
  <si>
    <t>下水道事業</t>
    <rPh sb="0" eb="3">
      <t>ゲスイドウ</t>
    </rPh>
    <rPh sb="3" eb="5">
      <t>ジギョウ</t>
    </rPh>
    <phoneticPr fontId="15"/>
  </si>
  <si>
    <t>駐車場事業</t>
    <rPh sb="0" eb="3">
      <t>チュウシャジョウ</t>
    </rPh>
    <rPh sb="3" eb="5">
      <t>ジギョウ</t>
    </rPh>
    <phoneticPr fontId="15"/>
  </si>
  <si>
    <t>介護サービス事業
(その他の企業)</t>
    <rPh sb="0" eb="2">
      <t>カイゴ</t>
    </rPh>
    <rPh sb="6" eb="8">
      <t>ジギョウ</t>
    </rPh>
    <rPh sb="12" eb="13">
      <t>タ</t>
    </rPh>
    <rPh sb="14" eb="16">
      <t>キギョウ</t>
    </rPh>
    <phoneticPr fontId="15"/>
  </si>
  <si>
    <t>無</t>
    <rPh sb="0" eb="1">
      <t>ナ</t>
    </rPh>
    <phoneticPr fontId="15"/>
  </si>
  <si>
    <t>27.10.1</t>
  </si>
  <si>
    <t>（仮称）第１０中学校整備事業　　　　　　　　　　　　　　　 3,921 庁舎等改修事業　　　　　　　　　　　　　　　　　　　　　　　 415　
小学校特別教室空調設備整備事業　　　       　　　　　　　　　363
民間保育所施設整備事業　　　　　　　    　　　　   　　　 　 322
都市計画道路3・4・21号線整備事業　　　　　　　　　　　　　 　311
上向台小学校校舎等大規模改造事業　　　　　　　　　 　　　　　305
向台町三丁目・新町三丁目地区地区計画関連周辺道路整備事業　 　252　　　　　 
仮庁舎等整備事業                                           　169  道路新設改良事業　　　　　　　　　　　　　　　　　　　　　　 147
中原小学校校舎等建替事業　　　　    　   　    　　　　 　　 108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8"/>
      <color theme="3"/>
      <name val="ＭＳ Ｐゴシック"/>
      <family val="2"/>
      <charset val="128"/>
      <scheme val="major"/>
    </font>
    <font>
      <sz val="9.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16" fillId="0" borderId="7" xfId="0" applyFont="1" applyFill="1" applyBorder="1" applyAlignment="1">
      <alignment horizontal="left" vertical="top" wrapText="1"/>
    </xf>
    <xf numFmtId="0" fontId="16" fillId="0" borderId="9" xfId="0" applyFont="1" applyFill="1" applyBorder="1" applyAlignment="1">
      <alignment horizontal="left" vertical="top"/>
    </xf>
    <xf numFmtId="0" fontId="16" fillId="0" borderId="8" xfId="0" applyFont="1" applyFill="1" applyBorder="1" applyAlignment="1">
      <alignment horizontal="left" vertical="top"/>
    </xf>
    <xf numFmtId="0" fontId="16" fillId="0" borderId="11" xfId="0" applyFont="1" applyFill="1" applyBorder="1" applyAlignment="1">
      <alignment horizontal="left" vertical="top"/>
    </xf>
    <xf numFmtId="0" fontId="16" fillId="0" borderId="0" xfId="0" applyFont="1" applyFill="1" applyBorder="1" applyAlignment="1">
      <alignment horizontal="left" vertical="top"/>
    </xf>
    <xf numFmtId="0" fontId="16" fillId="0" borderId="1" xfId="0" applyFont="1" applyFill="1" applyBorder="1" applyAlignment="1">
      <alignment horizontal="left" vertical="top"/>
    </xf>
    <xf numFmtId="0" fontId="16" fillId="0" borderId="10" xfId="0" applyFont="1" applyFill="1" applyBorder="1" applyAlignment="1">
      <alignment horizontal="left" vertical="top"/>
    </xf>
    <xf numFmtId="0" fontId="16" fillId="0" borderId="5" xfId="0" applyFont="1" applyFill="1" applyBorder="1" applyAlignment="1">
      <alignment horizontal="left" vertical="top"/>
    </xf>
    <xf numFmtId="0" fontId="16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246529</xdr:colOff>
      <xdr:row>3</xdr:row>
      <xdr:rowOff>156882</xdr:rowOff>
    </xdr:from>
    <xdr:to>
      <xdr:col>11</xdr:col>
      <xdr:colOff>638735</xdr:colOff>
      <xdr:row>4</xdr:row>
      <xdr:rowOff>22411</xdr:rowOff>
    </xdr:to>
    <xdr:sp macro="" textlink="">
      <xdr:nvSpPr>
        <xdr:cNvPr id="58" name="円/楕円 60"/>
        <xdr:cNvSpPr/>
      </xdr:nvSpPr>
      <xdr:spPr>
        <a:xfrm>
          <a:off x="3832411" y="1378323"/>
          <a:ext cx="694765" cy="145676"/>
        </a:xfrm>
        <a:prstGeom prst="ellipse">
          <a:avLst/>
        </a:prstGeom>
        <a:noFill/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68088</xdr:colOff>
      <xdr:row>4</xdr:row>
      <xdr:rowOff>56030</xdr:rowOff>
    </xdr:from>
    <xdr:to>
      <xdr:col>13</xdr:col>
      <xdr:colOff>33618</xdr:colOff>
      <xdr:row>4</xdr:row>
      <xdr:rowOff>201706</xdr:rowOff>
    </xdr:to>
    <xdr:sp macro="" textlink="">
      <xdr:nvSpPr>
        <xdr:cNvPr id="59" name="円/楕円 60"/>
        <xdr:cNvSpPr/>
      </xdr:nvSpPr>
      <xdr:spPr>
        <a:xfrm>
          <a:off x="4056529" y="1557618"/>
          <a:ext cx="694765" cy="145676"/>
        </a:xfrm>
        <a:prstGeom prst="ellipse">
          <a:avLst/>
        </a:prstGeom>
        <a:noFill/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67236</xdr:colOff>
      <xdr:row>5</xdr:row>
      <xdr:rowOff>235324</xdr:rowOff>
    </xdr:from>
    <xdr:to>
      <xdr:col>11</xdr:col>
      <xdr:colOff>414618</xdr:colOff>
      <xdr:row>6</xdr:row>
      <xdr:rowOff>156883</xdr:rowOff>
    </xdr:to>
    <xdr:sp macro="" textlink="">
      <xdr:nvSpPr>
        <xdr:cNvPr id="60" name="円/楕円 57"/>
        <xdr:cNvSpPr/>
      </xdr:nvSpPr>
      <xdr:spPr>
        <a:xfrm>
          <a:off x="3361765" y="2017059"/>
          <a:ext cx="941294" cy="201706"/>
        </a:xfrm>
        <a:prstGeom prst="ellipse">
          <a:avLst/>
        </a:prstGeom>
        <a:noFill/>
        <a:ln w="317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5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5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7"/>
      <c r="AC1" s="490" t="s">
        <v>
5</v>
      </c>
      <c r="AD1" s="67"/>
      <c r="AE1" s="67"/>
      <c r="AF1" s="67"/>
      <c r="AG1" s="67"/>
      <c r="AH1" s="67"/>
      <c r="AI1" s="67"/>
      <c r="AJ1" s="67"/>
      <c r="AK1" s="67"/>
      <c r="AL1" s="67"/>
      <c r="AM1" s="67"/>
      <c r="AN1" s="67"/>
      <c r="AO1" s="67"/>
      <c r="AP1" s="67"/>
      <c r="AQ1" s="67"/>
      <c r="AR1" s="67"/>
      <c r="AS1" s="67"/>
      <c r="AT1" s="67"/>
      <c r="AU1" s="67"/>
      <c r="AV1" s="67"/>
      <c r="AW1" s="67"/>
      <c r="AX1" s="67"/>
      <c r="AY1" s="67"/>
      <c r="AZ1" s="67"/>
      <c r="BA1" s="67"/>
      <c r="BB1" s="67"/>
      <c r="BC1" s="67"/>
      <c r="BD1" s="67"/>
      <c r="BE1" s="67"/>
      <c r="BF1" s="67"/>
      <c r="BG1" s="67"/>
      <c r="BH1" s="67"/>
      <c r="BI1" s="67"/>
      <c r="BJ1" s="67"/>
      <c r="BK1" s="67"/>
      <c r="BL1" s="67"/>
      <c r="BM1" s="67"/>
      <c r="BN1" s="67"/>
      <c r="BO1" s="67"/>
      <c r="BP1" s="67"/>
      <c r="BQ1" s="67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7"/>
      <c r="AC2" s="491" t="s">
        <v>
11</v>
      </c>
      <c r="AD2" s="67"/>
      <c r="AE2" s="67"/>
      <c r="AF2" s="67"/>
      <c r="AG2" s="67"/>
      <c r="AH2" s="67"/>
      <c r="AI2" s="67"/>
      <c r="AJ2" s="67"/>
      <c r="AK2" s="67"/>
      <c r="AL2" s="67"/>
      <c r="AM2" s="67"/>
      <c r="AN2" s="67"/>
      <c r="AO2" s="67"/>
      <c r="AP2" s="67"/>
      <c r="AQ2" s="67"/>
      <c r="AR2" s="67"/>
      <c r="AS2" s="67"/>
      <c r="AT2" s="67"/>
      <c r="AU2" s="67"/>
      <c r="AV2" s="67"/>
      <c r="AW2" s="67"/>
      <c r="AX2" s="67"/>
      <c r="AY2" s="70"/>
      <c r="AZ2" s="70"/>
      <c r="BA2" s="70"/>
      <c r="BB2" s="70"/>
      <c r="BC2" s="70"/>
      <c r="BD2" s="70"/>
      <c r="BE2" s="83"/>
      <c r="BF2" s="83"/>
      <c r="BG2" s="83"/>
      <c r="BH2" s="83"/>
      <c r="BI2" s="67"/>
      <c r="BJ2" s="67"/>
      <c r="BK2" s="67"/>
      <c r="BL2" s="67"/>
      <c r="BM2" s="67"/>
      <c r="BN2" s="67"/>
      <c r="BO2" s="67"/>
      <c r="BP2" s="67"/>
      <c r="BQ2" s="67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70"/>
      <c r="AZ3" s="70"/>
      <c r="BA3" s="70"/>
      <c r="BB3" s="70"/>
      <c r="BC3" s="70"/>
      <c r="BD3" s="70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200012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58</v>
      </c>
      <c r="P4" s="142"/>
      <c r="Q4" s="110" t="s">
        <v>
20</v>
      </c>
      <c r="R4" s="111"/>
      <c r="S4" s="111"/>
      <c r="T4" s="111"/>
      <c r="U4" s="112"/>
      <c r="V4" s="147">
        <v>
28691856</v>
      </c>
      <c r="W4" s="148"/>
      <c r="X4" s="148"/>
      <c r="Y4" s="148"/>
      <c r="Z4" s="4" t="s">
        <v>
21</v>
      </c>
      <c r="AB4" s="67"/>
      <c r="AC4" s="67"/>
      <c r="AD4" s="6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7"/>
      <c r="AV4" s="67"/>
      <c r="AW4" s="67"/>
      <c r="AX4" s="67"/>
      <c r="AY4" s="6"/>
      <c r="AZ4" s="6"/>
      <c r="BA4" s="6"/>
      <c r="BB4" s="6"/>
      <c r="BC4" s="5"/>
      <c r="BD4" s="78"/>
      <c r="BE4" s="6"/>
      <c r="BF4" s="6"/>
      <c r="BG4" s="6"/>
      <c r="BH4" s="6"/>
      <c r="BI4" s="6"/>
      <c r="BJ4" s="6"/>
      <c r="BK4" s="6"/>
      <c r="BL4" s="6"/>
      <c r="BM4" s="6"/>
      <c r="BN4" s="6"/>
      <c r="BO4" s="66"/>
      <c r="BP4" s="66"/>
      <c r="BQ4" s="66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1.7815796571184299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25960540</v>
      </c>
      <c r="W5" s="148"/>
      <c r="X5" s="148"/>
      <c r="Y5" s="148"/>
      <c r="Z5" s="4" t="s">
        <v>
21</v>
      </c>
      <c r="AB5" s="65"/>
      <c r="AC5" s="65"/>
      <c r="AD5" s="65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65"/>
      <c r="AV5" s="65"/>
      <c r="AW5" s="65"/>
      <c r="AX5" s="6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202817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38995248</v>
      </c>
      <c r="W6" s="148"/>
      <c r="X6" s="148"/>
      <c r="Y6" s="148"/>
      <c r="Z6" s="4" t="s">
        <v>
21</v>
      </c>
      <c r="AB6" s="65"/>
      <c r="AC6" s="65"/>
      <c r="AD6" s="65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0.87487192750350595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2789704</v>
      </c>
      <c r="W7" s="148"/>
      <c r="X7" s="148"/>
      <c r="Y7" s="148"/>
      <c r="Z7" s="4" t="s">
        <v>
21</v>
      </c>
      <c r="AB7" s="65"/>
      <c r="AC7" s="65"/>
      <c r="AD7" s="65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65"/>
      <c r="AV7" s="65"/>
      <c r="AW7" s="65"/>
      <c r="AX7" s="6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48294</v>
      </c>
      <c r="G8" s="166"/>
      <c r="H8" s="166"/>
      <c r="I8" s="168" t="s">
        <v>
18</v>
      </c>
      <c r="J8" s="169" t="s">
        <v>
31</v>
      </c>
      <c r="K8" s="171">
        <v>
15.75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0.90700000000000003</v>
      </c>
      <c r="Z8" s="10"/>
      <c r="AB8" s="65"/>
      <c r="AC8" s="65"/>
      <c r="AD8" s="65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65"/>
      <c r="AV8" s="65"/>
      <c r="AW8" s="65"/>
      <c r="AX8" s="6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0.90500000000000003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65"/>
      <c r="AW9" s="65"/>
      <c r="AX9" s="6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3.2635848347470442</v>
      </c>
      <c r="W10" s="148"/>
      <c r="X10" s="148"/>
      <c r="Y10" s="148"/>
      <c r="Z10" s="4" t="s">
        <v>
23</v>
      </c>
      <c r="AB10" s="65"/>
      <c r="AC10" s="65"/>
      <c r="AD10" s="65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65"/>
      <c r="AW10" s="65"/>
      <c r="AX10" s="6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12.418800217471855</v>
      </c>
      <c r="W11" s="148"/>
      <c r="X11" s="148"/>
      <c r="Y11" s="148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75743341</v>
      </c>
      <c r="G12" s="200"/>
      <c r="H12" s="200"/>
      <c r="I12" s="200"/>
      <c r="J12" s="201"/>
      <c r="K12" s="199">
        <v>
71805359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95.304658697116054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44</v>
      </c>
      <c r="R13" s="156"/>
      <c r="S13" s="156"/>
      <c r="T13" s="156"/>
      <c r="U13" s="211"/>
      <c r="V13" s="215">
        <v>
56429231</v>
      </c>
      <c r="W13" s="216"/>
      <c r="X13" s="216"/>
      <c r="Y13" s="216"/>
      <c r="Z13" s="190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65"/>
      <c r="AV13" s="65"/>
      <c r="AW13" s="65"/>
      <c r="AX13" s="6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1" t="s">
        <v>
45</v>
      </c>
      <c r="B14" s="192"/>
      <c r="C14" s="163" t="s">
        <v>
46</v>
      </c>
      <c r="D14" s="195"/>
      <c r="E14" s="196"/>
      <c r="F14" s="199">
        <v>
74451164</v>
      </c>
      <c r="G14" s="200"/>
      <c r="H14" s="200"/>
      <c r="I14" s="200"/>
      <c r="J14" s="201"/>
      <c r="K14" s="199">
        <v>
70147688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65"/>
      <c r="AC14" s="65"/>
      <c r="AD14" s="65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65"/>
      <c r="AV14" s="65"/>
      <c r="AW14" s="65"/>
      <c r="AX14" s="6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7</v>
      </c>
      <c r="R15" s="206"/>
      <c r="S15" s="206"/>
      <c r="T15" s="206"/>
      <c r="U15" s="207"/>
      <c r="V15" s="208">
        <v>
6277973</v>
      </c>
      <c r="W15" s="209"/>
      <c r="X15" s="209"/>
      <c r="Y15" s="209"/>
      <c r="Z15" s="4" t="s">
        <v>
21</v>
      </c>
      <c r="AB15" s="65"/>
      <c r="AC15" s="65"/>
      <c r="AD15" s="65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65"/>
      <c r="AV15" s="65"/>
      <c r="AW15" s="65"/>
      <c r="AX15" s="6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1" t="s">
        <v>
48</v>
      </c>
      <c r="B16" s="192"/>
      <c r="C16" s="163" t="s">
        <v>
49</v>
      </c>
      <c r="D16" s="195"/>
      <c r="E16" s="196"/>
      <c r="F16" s="199">
        <v>
1292177</v>
      </c>
      <c r="G16" s="200"/>
      <c r="H16" s="200"/>
      <c r="I16" s="200"/>
      <c r="J16" s="201"/>
      <c r="K16" s="199">
        <v>
1657671</v>
      </c>
      <c r="L16" s="200"/>
      <c r="M16" s="200"/>
      <c r="N16" s="201"/>
      <c r="O16" s="143"/>
      <c r="P16" s="144"/>
      <c r="Q16" s="210" t="s">
        <v>
50</v>
      </c>
      <c r="R16" s="220"/>
      <c r="S16" s="220"/>
      <c r="T16" s="220"/>
      <c r="U16" s="221"/>
      <c r="V16" s="227">
        <v>
7068348</v>
      </c>
      <c r="W16" s="228"/>
      <c r="X16" s="228"/>
      <c r="Y16" s="228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65"/>
      <c r="AV16" s="65"/>
      <c r="AW16" s="65"/>
      <c r="AX16" s="6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492"/>
      <c r="R17" s="493"/>
      <c r="S17" s="493"/>
      <c r="T17" s="493"/>
      <c r="U17" s="494"/>
      <c r="V17" s="229" t="s">
        <v>
51</v>
      </c>
      <c r="W17" s="495"/>
      <c r="X17" s="230">
        <v>
3008378</v>
      </c>
      <c r="Y17" s="230"/>
      <c r="Z17" s="219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1" t="s">
        <v>
52</v>
      </c>
      <c r="B18" s="192"/>
      <c r="C18" s="163" t="s">
        <v>
53</v>
      </c>
      <c r="D18" s="195"/>
      <c r="E18" s="196"/>
      <c r="F18" s="199">
        <v>
19534</v>
      </c>
      <c r="G18" s="200"/>
      <c r="H18" s="200"/>
      <c r="I18" s="200"/>
      <c r="J18" s="201"/>
      <c r="K18" s="199">
        <v>
119694</v>
      </c>
      <c r="L18" s="200"/>
      <c r="M18" s="200"/>
      <c r="N18" s="201"/>
      <c r="O18" s="143"/>
      <c r="P18" s="144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65"/>
      <c r="AV18" s="65"/>
      <c r="AW18" s="65"/>
      <c r="AX18" s="6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4</v>
      </c>
      <c r="R19" s="220"/>
      <c r="S19" s="220"/>
      <c r="T19" s="220"/>
      <c r="U19" s="221"/>
      <c r="V19" s="215">
        <v>
55638856</v>
      </c>
      <c r="W19" s="216"/>
      <c r="X19" s="216"/>
      <c r="Y19" s="216"/>
      <c r="Z19" s="190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65"/>
      <c r="AV19" s="65"/>
      <c r="AW19" s="65"/>
      <c r="AX19" s="6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5</v>
      </c>
      <c r="B20" s="192"/>
      <c r="C20" s="163" t="s">
        <v>
56</v>
      </c>
      <c r="D20" s="163"/>
      <c r="E20" s="224"/>
      <c r="F20" s="199">
        <v>
1272643</v>
      </c>
      <c r="G20" s="231"/>
      <c r="H20" s="231"/>
      <c r="I20" s="231"/>
      <c r="J20" s="232"/>
      <c r="K20" s="199">
        <v>
1537977</v>
      </c>
      <c r="L20" s="231"/>
      <c r="M20" s="231"/>
      <c r="N20" s="232"/>
      <c r="O20" s="143"/>
      <c r="P20" s="144"/>
      <c r="Q20" s="492"/>
      <c r="R20" s="493"/>
      <c r="S20" s="493"/>
      <c r="T20" s="493"/>
      <c r="U20" s="494"/>
      <c r="V20" s="217"/>
      <c r="W20" s="218"/>
      <c r="X20" s="218"/>
      <c r="Y20" s="218"/>
      <c r="Z20" s="140"/>
      <c r="AB20" s="14"/>
      <c r="AC20" s="14"/>
      <c r="AD20" s="14"/>
      <c r="AE20" s="16"/>
      <c r="AF20" s="503"/>
      <c r="AG20" s="503"/>
      <c r="AH20" s="503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65"/>
      <c r="AV20" s="65"/>
      <c r="AW20" s="65"/>
      <c r="AX20" s="6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2"/>
      <c r="B21" s="223"/>
      <c r="C21" s="225"/>
      <c r="D21" s="225"/>
      <c r="E21" s="226"/>
      <c r="F21" s="233"/>
      <c r="G21" s="234"/>
      <c r="H21" s="234"/>
      <c r="I21" s="234"/>
      <c r="J21" s="235"/>
      <c r="K21" s="233"/>
      <c r="L21" s="234"/>
      <c r="M21" s="234"/>
      <c r="N21" s="235"/>
      <c r="O21" s="143"/>
      <c r="P21" s="144"/>
      <c r="Q21" s="110" t="s">
        <v>
57</v>
      </c>
      <c r="R21" s="124"/>
      <c r="S21" s="124"/>
      <c r="T21" s="124"/>
      <c r="U21" s="125"/>
      <c r="V21" s="147">
        <v>
1830745</v>
      </c>
      <c r="W21" s="148"/>
      <c r="X21" s="148"/>
      <c r="Y21" s="148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65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8</v>
      </c>
      <c r="B22" s="192"/>
      <c r="C22" s="163" t="s">
        <v>
59</v>
      </c>
      <c r="D22" s="163"/>
      <c r="E22" s="224"/>
      <c r="F22" s="237">
        <v>
-265334</v>
      </c>
      <c r="G22" s="238"/>
      <c r="H22" s="238"/>
      <c r="I22" s="238"/>
      <c r="J22" s="239"/>
      <c r="K22" s="237">
        <v>
93860</v>
      </c>
      <c r="L22" s="238"/>
      <c r="M22" s="238"/>
      <c r="N22" s="239"/>
      <c r="O22" s="143"/>
      <c r="P22" s="144"/>
      <c r="Q22" s="110" t="s">
        <v>
60</v>
      </c>
      <c r="R22" s="124"/>
      <c r="S22" s="124"/>
      <c r="T22" s="124"/>
      <c r="U22" s="125"/>
      <c r="V22" s="147">
        <v>
0</v>
      </c>
      <c r="W22" s="148"/>
      <c r="X22" s="148"/>
      <c r="Y22" s="148"/>
      <c r="Z22" s="4" t="s">
        <v>
61</v>
      </c>
      <c r="AB22" s="65"/>
      <c r="AC22" s="65"/>
      <c r="AD22" s="65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6"/>
      <c r="BQ22" s="96"/>
      <c r="BR22" s="2"/>
    </row>
    <row r="23" spans="1:70" s="1" customFormat="1" ht="11.25" customHeight="1" x14ac:dyDescent="0.2">
      <c r="A23" s="193"/>
      <c r="B23" s="194"/>
      <c r="C23" s="165"/>
      <c r="D23" s="165"/>
      <c r="E23" s="236"/>
      <c r="F23" s="240"/>
      <c r="G23" s="241"/>
      <c r="H23" s="241"/>
      <c r="I23" s="241"/>
      <c r="J23" s="242"/>
      <c r="K23" s="240"/>
      <c r="L23" s="241"/>
      <c r="M23" s="241"/>
      <c r="N23" s="242"/>
      <c r="O23" s="143"/>
      <c r="P23" s="144"/>
      <c r="Q23" s="183" t="s">
        <v>
62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65"/>
      <c r="AC23" s="65"/>
      <c r="AD23" s="65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3</v>
      </c>
      <c r="B24" s="192"/>
      <c r="C24" s="163" t="s">
        <v>
64</v>
      </c>
      <c r="D24" s="163"/>
      <c r="E24" s="224"/>
      <c r="F24" s="237">
        <v>
1170609</v>
      </c>
      <c r="G24" s="238"/>
      <c r="H24" s="238"/>
      <c r="I24" s="238"/>
      <c r="J24" s="239"/>
      <c r="K24" s="237">
        <v>
1051559</v>
      </c>
      <c r="L24" s="238"/>
      <c r="M24" s="238"/>
      <c r="N24" s="239"/>
      <c r="O24" s="143"/>
      <c r="P24" s="144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65"/>
      <c r="AC24" s="65"/>
      <c r="AD24" s="65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3"/>
      <c r="B25" s="194"/>
      <c r="C25" s="165"/>
      <c r="D25" s="165"/>
      <c r="E25" s="236"/>
      <c r="F25" s="240"/>
      <c r="G25" s="241"/>
      <c r="H25" s="241"/>
      <c r="I25" s="241"/>
      <c r="J25" s="242"/>
      <c r="K25" s="240"/>
      <c r="L25" s="241"/>
      <c r="M25" s="241"/>
      <c r="N25" s="242"/>
      <c r="O25" s="143"/>
      <c r="P25" s="144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65"/>
      <c r="AC25" s="65"/>
      <c r="AD25" s="65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1" t="s">
        <v>
65</v>
      </c>
      <c r="B26" s="192"/>
      <c r="C26" s="163" t="s">
        <v>
66</v>
      </c>
      <c r="D26" s="163"/>
      <c r="E26" s="224"/>
      <c r="F26" s="237">
        <v>
0</v>
      </c>
      <c r="G26" s="238"/>
      <c r="H26" s="238"/>
      <c r="I26" s="238"/>
      <c r="J26" s="239"/>
      <c r="K26" s="237">
        <v>
0</v>
      </c>
      <c r="L26" s="238"/>
      <c r="M26" s="238"/>
      <c r="N26" s="239"/>
      <c r="O26" s="143"/>
      <c r="P26" s="144"/>
      <c r="Q26" s="155" t="s">
        <v>
67</v>
      </c>
      <c r="R26" s="156"/>
      <c r="S26" s="156"/>
      <c r="T26" s="156"/>
      <c r="U26" s="211"/>
      <c r="V26" s="243" t="s">
        <v>
68</v>
      </c>
      <c r="W26" s="244"/>
      <c r="X26" s="244"/>
      <c r="Y26" s="247">
        <v>
11.49</v>
      </c>
      <c r="Z26" s="190" t="s">
        <v>
23</v>
      </c>
      <c r="AB26" s="65"/>
      <c r="AC26" s="65"/>
      <c r="AD26" s="65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2"/>
      <c r="B27" s="223"/>
      <c r="C27" s="225"/>
      <c r="D27" s="225"/>
      <c r="E27" s="226"/>
      <c r="F27" s="249"/>
      <c r="G27" s="250"/>
      <c r="H27" s="250"/>
      <c r="I27" s="250"/>
      <c r="J27" s="251"/>
      <c r="K27" s="249"/>
      <c r="L27" s="250"/>
      <c r="M27" s="250"/>
      <c r="N27" s="251"/>
      <c r="O27" s="143"/>
      <c r="P27" s="144"/>
      <c r="Q27" s="212"/>
      <c r="R27" s="213"/>
      <c r="S27" s="213"/>
      <c r="T27" s="213"/>
      <c r="U27" s="214"/>
      <c r="V27" s="245"/>
      <c r="W27" s="246"/>
      <c r="X27" s="246"/>
      <c r="Y27" s="248"/>
      <c r="Z27" s="140"/>
      <c r="AB27" s="65"/>
      <c r="AC27" s="65"/>
      <c r="AD27" s="65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3"/>
      <c r="B28" s="194"/>
      <c r="C28" s="165"/>
      <c r="D28" s="165"/>
      <c r="E28" s="236"/>
      <c r="F28" s="240"/>
      <c r="G28" s="241"/>
      <c r="H28" s="241"/>
      <c r="I28" s="241"/>
      <c r="J28" s="242"/>
      <c r="K28" s="240"/>
      <c r="L28" s="241"/>
      <c r="M28" s="241"/>
      <c r="N28" s="242"/>
      <c r="O28" s="143"/>
      <c r="P28" s="144"/>
      <c r="Q28" s="155" t="s">
        <v>
69</v>
      </c>
      <c r="R28" s="156"/>
      <c r="S28" s="156"/>
      <c r="T28" s="156"/>
      <c r="U28" s="211"/>
      <c r="V28" s="243" t="s">
        <v>
68</v>
      </c>
      <c r="W28" s="244"/>
      <c r="X28" s="244"/>
      <c r="Y28" s="247">
        <v>
16.489999999999998</v>
      </c>
      <c r="Z28" s="190" t="s">
        <v>
23</v>
      </c>
      <c r="AB28" s="65"/>
      <c r="AC28" s="65"/>
      <c r="AD28" s="65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1" t="s">
        <v>
70</v>
      </c>
      <c r="B29" s="192"/>
      <c r="C29" s="163" t="s">
        <v>
71</v>
      </c>
      <c r="D29" s="163"/>
      <c r="E29" s="224"/>
      <c r="F29" s="259">
        <v>
1170000</v>
      </c>
      <c r="G29" s="261"/>
      <c r="H29" s="261"/>
      <c r="I29" s="261"/>
      <c r="J29" s="262"/>
      <c r="K29" s="259">
        <v>
1310000</v>
      </c>
      <c r="L29" s="261"/>
      <c r="M29" s="261"/>
      <c r="N29" s="262"/>
      <c r="O29" s="143"/>
      <c r="P29" s="144"/>
      <c r="Q29" s="212"/>
      <c r="R29" s="213"/>
      <c r="S29" s="213"/>
      <c r="T29" s="213"/>
      <c r="U29" s="214"/>
      <c r="V29" s="245"/>
      <c r="W29" s="246"/>
      <c r="X29" s="246"/>
      <c r="Y29" s="248"/>
      <c r="Z29" s="140"/>
      <c r="AB29" s="65"/>
      <c r="AC29" s="65"/>
      <c r="AD29" s="65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4"/>
      <c r="B30" s="223"/>
      <c r="C30" s="225"/>
      <c r="D30" s="225"/>
      <c r="E30" s="226"/>
      <c r="F30" s="260"/>
      <c r="G30" s="263"/>
      <c r="H30" s="263"/>
      <c r="I30" s="263"/>
      <c r="J30" s="264"/>
      <c r="K30" s="260"/>
      <c r="L30" s="263"/>
      <c r="M30" s="263"/>
      <c r="N30" s="264"/>
      <c r="O30" s="143"/>
      <c r="P30" s="144"/>
      <c r="Q30" s="155" t="s">
        <v>
72</v>
      </c>
      <c r="R30" s="156"/>
      <c r="S30" s="156"/>
      <c r="T30" s="156"/>
      <c r="U30" s="211"/>
      <c r="V30" s="243">
        <v>
0.8</v>
      </c>
      <c r="W30" s="244"/>
      <c r="X30" s="244"/>
      <c r="Y30" s="252">
        <v>
25</v>
      </c>
      <c r="Z30" s="190" t="s">
        <v>
23</v>
      </c>
      <c r="AB30" s="65"/>
      <c r="AC30" s="65"/>
      <c r="AD30" s="65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3"/>
      <c r="B31" s="194"/>
      <c r="C31" s="165"/>
      <c r="D31" s="165"/>
      <c r="E31" s="236"/>
      <c r="F31" s="265"/>
      <c r="G31" s="266"/>
      <c r="H31" s="266"/>
      <c r="I31" s="266"/>
      <c r="J31" s="267"/>
      <c r="K31" s="265"/>
      <c r="L31" s="266"/>
      <c r="M31" s="266"/>
      <c r="N31" s="267"/>
      <c r="O31" s="143"/>
      <c r="P31" s="144"/>
      <c r="Q31" s="212"/>
      <c r="R31" s="213"/>
      <c r="S31" s="213"/>
      <c r="T31" s="213"/>
      <c r="U31" s="214"/>
      <c r="V31" s="245"/>
      <c r="W31" s="246"/>
      <c r="X31" s="246"/>
      <c r="Y31" s="253"/>
      <c r="Z31" s="140"/>
      <c r="AB31" s="65"/>
      <c r="AC31" s="65"/>
      <c r="AD31" s="65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1" t="s">
        <v>
73</v>
      </c>
      <c r="B32" s="192"/>
      <c r="C32" s="163" t="s">
        <v>
74</v>
      </c>
      <c r="D32" s="195"/>
      <c r="E32" s="196"/>
      <c r="F32" s="199">
        <v>
-264725</v>
      </c>
      <c r="G32" s="200"/>
      <c r="H32" s="200"/>
      <c r="I32" s="200"/>
      <c r="J32" s="201"/>
      <c r="K32" s="259">
        <v>
-164581</v>
      </c>
      <c r="L32" s="200"/>
      <c r="M32" s="200"/>
      <c r="N32" s="201"/>
      <c r="O32" s="143"/>
      <c r="P32" s="144"/>
      <c r="Q32" s="155" t="s">
        <v>
75</v>
      </c>
      <c r="R32" s="156"/>
      <c r="S32" s="156"/>
      <c r="T32" s="156"/>
      <c r="U32" s="211"/>
      <c r="V32" s="243" t="s">
        <v>
76</v>
      </c>
      <c r="W32" s="244"/>
      <c r="X32" s="244"/>
      <c r="Y32" s="252">
        <v>
350</v>
      </c>
      <c r="Z32" s="190" t="s">
        <v>
23</v>
      </c>
      <c r="AB32" s="65"/>
      <c r="AC32" s="65"/>
      <c r="AD32" s="65"/>
      <c r="AE32" s="87"/>
      <c r="AF32" s="503"/>
      <c r="AG32" s="503"/>
      <c r="AH32" s="503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4"/>
      <c r="B33" s="223"/>
      <c r="C33" s="225"/>
      <c r="D33" s="255"/>
      <c r="E33" s="256"/>
      <c r="F33" s="233"/>
      <c r="G33" s="257"/>
      <c r="H33" s="257"/>
      <c r="I33" s="257"/>
      <c r="J33" s="258"/>
      <c r="K33" s="260"/>
      <c r="L33" s="257"/>
      <c r="M33" s="257"/>
      <c r="N33" s="258"/>
      <c r="O33" s="143"/>
      <c r="P33" s="144"/>
      <c r="Q33" s="212"/>
      <c r="R33" s="213"/>
      <c r="S33" s="213"/>
      <c r="T33" s="213"/>
      <c r="U33" s="214"/>
      <c r="V33" s="245"/>
      <c r="W33" s="246"/>
      <c r="X33" s="246"/>
      <c r="Y33" s="253"/>
      <c r="Z33" s="140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68"/>
      <c r="R34" s="269"/>
      <c r="S34" s="269"/>
      <c r="T34" s="269"/>
      <c r="U34" s="269"/>
      <c r="V34" s="269"/>
      <c r="W34" s="269"/>
      <c r="X34" s="269"/>
      <c r="Y34" s="269"/>
      <c r="Z34" s="270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1" t="s">
        <v>
77</v>
      </c>
      <c r="B35" s="507"/>
      <c r="C35" s="507"/>
      <c r="D35" s="507"/>
      <c r="E35" s="507"/>
      <c r="F35" s="507"/>
      <c r="G35" s="507"/>
      <c r="H35" s="272" t="s">
        <v>
78</v>
      </c>
      <c r="I35" s="273"/>
      <c r="J35" s="273"/>
      <c r="K35" s="273"/>
      <c r="L35" s="274" t="s">
        <v>
79</v>
      </c>
      <c r="M35" s="508"/>
      <c r="N35" s="102"/>
      <c r="O35" s="509"/>
      <c r="P35" s="73" t="s">
        <v>
80</v>
      </c>
      <c r="Q35" s="509"/>
      <c r="R35" s="509"/>
      <c r="S35" s="509"/>
      <c r="T35" s="20" t="s">
        <v>
81</v>
      </c>
      <c r="U35" s="272" t="s">
        <v>
78</v>
      </c>
      <c r="V35" s="273"/>
      <c r="W35" s="273"/>
      <c r="X35" s="273"/>
      <c r="Y35" s="107" t="s">
        <v>
82</v>
      </c>
      <c r="Z35" s="510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1" t="s">
        <v>
83</v>
      </c>
      <c r="B36" s="275"/>
      <c r="C36" s="276"/>
      <c r="D36" s="277" t="s">
        <v>
84</v>
      </c>
      <c r="E36" s="278"/>
      <c r="F36" s="279"/>
      <c r="G36" s="277" t="s">
        <v>
85</v>
      </c>
      <c r="H36" s="124"/>
      <c r="I36" s="124"/>
      <c r="J36" s="125"/>
      <c r="K36" s="277" t="s">
        <v>
86</v>
      </c>
      <c r="L36" s="124"/>
      <c r="M36" s="125"/>
      <c r="N36" s="280" t="s">
        <v>
87</v>
      </c>
      <c r="O36" s="281"/>
      <c r="P36" s="281"/>
      <c r="Q36" s="282"/>
      <c r="R36" s="121" t="s">
        <v>
88</v>
      </c>
      <c r="S36" s="275"/>
      <c r="T36" s="276"/>
      <c r="U36" s="277" t="s">
        <v>
89</v>
      </c>
      <c r="V36" s="278"/>
      <c r="W36" s="278"/>
      <c r="X36" s="278"/>
      <c r="Y36" s="278"/>
      <c r="Z36" s="279"/>
      <c r="AB36" s="67"/>
      <c r="AC36" s="67"/>
      <c r="AD36" s="67"/>
      <c r="AE36" s="67"/>
      <c r="AF36" s="67"/>
      <c r="AG36" s="67"/>
      <c r="AH36" s="67"/>
      <c r="AI36" s="67"/>
      <c r="AJ36" s="67"/>
      <c r="AK36" s="67"/>
      <c r="AL36" s="67"/>
      <c r="AM36" s="67"/>
      <c r="AN36" s="67"/>
      <c r="AO36" s="67"/>
      <c r="AP36" s="67"/>
      <c r="AQ36" s="67"/>
      <c r="AR36" s="67"/>
      <c r="AS36" s="67"/>
      <c r="AT36" s="67"/>
      <c r="AU36" s="67"/>
      <c r="AV36" s="67"/>
      <c r="AW36" s="67"/>
      <c r="AX36" s="67"/>
      <c r="AY36" s="67"/>
      <c r="AZ36" s="67"/>
      <c r="BA36" s="67"/>
      <c r="BB36" s="67"/>
      <c r="BC36" s="67"/>
      <c r="BD36" s="67"/>
      <c r="BE36" s="67"/>
      <c r="BF36" s="67"/>
      <c r="BG36" s="67"/>
      <c r="BH36" s="67"/>
      <c r="BI36" s="67"/>
      <c r="BJ36" s="67"/>
      <c r="BK36" s="67"/>
      <c r="BL36" s="67"/>
      <c r="BM36" s="67"/>
      <c r="BN36" s="67"/>
      <c r="BO36" s="67"/>
      <c r="BP36" s="67"/>
      <c r="BQ36" s="67"/>
      <c r="BR36" s="2"/>
    </row>
    <row r="37" spans="1:70" s="1" customFormat="1" ht="20.25" customHeight="1" x14ac:dyDescent="0.2">
      <c r="A37" s="183" t="s">
        <v>
90</v>
      </c>
      <c r="B37" s="133"/>
      <c r="C37" s="134"/>
      <c r="D37" s="283">
        <v>
935</v>
      </c>
      <c r="E37" s="284"/>
      <c r="F37" s="285"/>
      <c r="G37" s="283">
        <v>
289864</v>
      </c>
      <c r="H37" s="131"/>
      <c r="I37" s="131"/>
      <c r="J37" s="286"/>
      <c r="K37" s="283">
        <v>
310014</v>
      </c>
      <c r="L37" s="131"/>
      <c r="M37" s="286"/>
      <c r="N37" s="110" t="s">
        <v>
91</v>
      </c>
      <c r="O37" s="111"/>
      <c r="P37" s="111"/>
      <c r="Q37" s="74"/>
      <c r="R37" s="287" t="s">
        <v>
263</v>
      </c>
      <c r="S37" s="288"/>
      <c r="T37" s="289"/>
      <c r="U37" s="290">
        <v>
990000</v>
      </c>
      <c r="V37" s="291"/>
      <c r="W37" s="291"/>
      <c r="X37" s="291"/>
      <c r="Y37" s="291"/>
      <c r="Z37" s="292"/>
      <c r="AB37" s="67"/>
      <c r="AC37" s="67"/>
      <c r="AD37" s="67"/>
      <c r="AE37" s="67"/>
      <c r="AF37" s="67"/>
      <c r="AG37" s="70"/>
      <c r="AH37" s="70"/>
      <c r="AI37" s="70"/>
      <c r="AJ37" s="70"/>
      <c r="AK37" s="77"/>
      <c r="AL37" s="77"/>
      <c r="AM37" s="77"/>
      <c r="AN37" s="77"/>
      <c r="AO37" s="70"/>
      <c r="AP37" s="78"/>
      <c r="AQ37" s="78"/>
      <c r="AR37" s="78"/>
      <c r="AS37" s="70"/>
      <c r="AT37" s="78"/>
      <c r="AU37" s="78"/>
      <c r="AV37" s="67"/>
      <c r="AW37" s="67"/>
      <c r="AX37" s="67"/>
      <c r="AY37" s="67"/>
      <c r="AZ37" s="67"/>
      <c r="BA37" s="67"/>
      <c r="BB37" s="67"/>
      <c r="BC37" s="67"/>
      <c r="BD37" s="70"/>
      <c r="BE37" s="67"/>
      <c r="BF37" s="67"/>
      <c r="BG37" s="67"/>
      <c r="BH37" s="70"/>
      <c r="BI37" s="70"/>
      <c r="BJ37" s="70"/>
      <c r="BK37" s="70"/>
      <c r="BL37" s="67"/>
      <c r="BM37" s="67"/>
      <c r="BN37" s="67"/>
      <c r="BO37" s="67"/>
      <c r="BP37" s="67"/>
      <c r="BQ37" s="67"/>
      <c r="BR37" s="2"/>
    </row>
    <row r="38" spans="1:70" s="1" customFormat="1" ht="20.25" customHeight="1" x14ac:dyDescent="0.2">
      <c r="A38" s="100"/>
      <c r="B38" s="121" t="s">
        <v>
93</v>
      </c>
      <c r="C38" s="125"/>
      <c r="D38" s="283">
        <v>
56</v>
      </c>
      <c r="E38" s="284"/>
      <c r="F38" s="285"/>
      <c r="G38" s="283">
        <v>
17857</v>
      </c>
      <c r="H38" s="131"/>
      <c r="I38" s="131"/>
      <c r="J38" s="286"/>
      <c r="K38" s="283">
        <v>
318875</v>
      </c>
      <c r="L38" s="131"/>
      <c r="M38" s="286"/>
      <c r="N38" s="110" t="s">
        <v>
94</v>
      </c>
      <c r="O38" s="111"/>
      <c r="P38" s="111"/>
      <c r="Q38" s="74"/>
      <c r="R38" s="287" t="s">
        <v>
263</v>
      </c>
      <c r="S38" s="288"/>
      <c r="T38" s="289"/>
      <c r="U38" s="290">
        <v>
877000</v>
      </c>
      <c r="V38" s="291"/>
      <c r="W38" s="291"/>
      <c r="X38" s="291"/>
      <c r="Y38" s="291"/>
      <c r="Z38" s="292"/>
      <c r="AB38" s="67"/>
      <c r="AC38" s="67"/>
      <c r="AD38" s="67"/>
      <c r="AE38" s="67"/>
      <c r="AF38" s="67"/>
      <c r="AG38" s="70"/>
      <c r="AH38" s="70"/>
      <c r="AI38" s="70"/>
      <c r="AJ38" s="70"/>
      <c r="AK38" s="77"/>
      <c r="AL38" s="77"/>
      <c r="AM38" s="77"/>
      <c r="AN38" s="77"/>
      <c r="AO38" s="70"/>
      <c r="AP38" s="78"/>
      <c r="AQ38" s="78"/>
      <c r="AR38" s="78"/>
      <c r="AS38" s="70"/>
      <c r="AT38" s="78"/>
      <c r="AU38" s="78"/>
      <c r="AV38" s="67"/>
      <c r="AW38" s="67"/>
      <c r="AX38" s="67"/>
      <c r="AY38" s="67"/>
      <c r="AZ38" s="67"/>
      <c r="BA38" s="67"/>
      <c r="BB38" s="67"/>
      <c r="BC38" s="67"/>
      <c r="BD38" s="511"/>
      <c r="BE38" s="67"/>
      <c r="BF38" s="67"/>
      <c r="BG38" s="67"/>
      <c r="BH38" s="70"/>
      <c r="BI38" s="70"/>
      <c r="BJ38" s="70"/>
      <c r="BK38" s="70"/>
      <c r="BL38" s="67"/>
      <c r="BM38" s="67"/>
      <c r="BN38" s="67"/>
      <c r="BO38" s="67"/>
      <c r="BP38" s="67"/>
      <c r="BQ38" s="67"/>
      <c r="BR38" s="2"/>
    </row>
    <row r="39" spans="1:70" s="1" customFormat="1" ht="20.25" customHeight="1" x14ac:dyDescent="0.2">
      <c r="A39" s="110" t="s">
        <v>
95</v>
      </c>
      <c r="B39" s="111"/>
      <c r="C39" s="112"/>
      <c r="D39" s="283">
        <v>
2</v>
      </c>
      <c r="E39" s="131"/>
      <c r="F39" s="286"/>
      <c r="G39" s="283">
        <v>
919</v>
      </c>
      <c r="H39" s="131"/>
      <c r="I39" s="131"/>
      <c r="J39" s="286"/>
      <c r="K39" s="283">
        <v>
459500</v>
      </c>
      <c r="L39" s="131"/>
      <c r="M39" s="286"/>
      <c r="N39" s="110" t="s">
        <v>
96</v>
      </c>
      <c r="O39" s="111"/>
      <c r="P39" s="111"/>
      <c r="Q39" s="74"/>
      <c r="R39" s="287" t="s">
        <v>
263</v>
      </c>
      <c r="S39" s="288"/>
      <c r="T39" s="289"/>
      <c r="U39" s="290">
        <v>
778000</v>
      </c>
      <c r="V39" s="291"/>
      <c r="W39" s="291"/>
      <c r="X39" s="291"/>
      <c r="Y39" s="291"/>
      <c r="Z39" s="292"/>
      <c r="AB39" s="67"/>
      <c r="AC39" s="67"/>
      <c r="AD39" s="67"/>
      <c r="AE39" s="67"/>
      <c r="AF39" s="67"/>
      <c r="AG39" s="5"/>
      <c r="AH39" s="5"/>
      <c r="AI39" s="5"/>
      <c r="AJ39" s="5"/>
      <c r="AK39" s="5"/>
      <c r="AL39" s="5"/>
      <c r="AM39" s="5"/>
      <c r="AN39" s="5"/>
      <c r="AO39" s="5"/>
      <c r="AP39" s="66"/>
      <c r="AQ39" s="66"/>
      <c r="AR39" s="66"/>
      <c r="AS39" s="66"/>
      <c r="AT39" s="66"/>
      <c r="AU39" s="66"/>
      <c r="AV39" s="6"/>
      <c r="AW39" s="6"/>
      <c r="AX39" s="6"/>
      <c r="AY39" s="6"/>
      <c r="AZ39" s="67"/>
      <c r="BA39" s="67"/>
      <c r="BB39" s="67"/>
      <c r="BC39" s="67"/>
      <c r="BD39" s="511"/>
      <c r="BE39" s="66"/>
      <c r="BF39" s="66"/>
      <c r="BG39" s="66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7</v>
      </c>
      <c r="B40" s="111"/>
      <c r="C40" s="112"/>
      <c r="D40" s="283">
        <v>
0</v>
      </c>
      <c r="E40" s="131"/>
      <c r="F40" s="286"/>
      <c r="G40" s="283">
        <v>
0</v>
      </c>
      <c r="H40" s="131"/>
      <c r="I40" s="131"/>
      <c r="J40" s="286"/>
      <c r="K40" s="283">
        <v>
0</v>
      </c>
      <c r="L40" s="131"/>
      <c r="M40" s="286"/>
      <c r="N40" s="110"/>
      <c r="O40" s="111"/>
      <c r="P40" s="111"/>
      <c r="Q40" s="74"/>
      <c r="R40" s="287" t="s">
        <v>
92</v>
      </c>
      <c r="S40" s="288"/>
      <c r="T40" s="289"/>
      <c r="U40" s="290"/>
      <c r="V40" s="291"/>
      <c r="W40" s="291"/>
      <c r="X40" s="291"/>
      <c r="Y40" s="291"/>
      <c r="Z40" s="292"/>
      <c r="AB40" s="78"/>
      <c r="AC40" s="78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65"/>
      <c r="BA40" s="65"/>
      <c r="BB40" s="65"/>
      <c r="BC40" s="6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8</v>
      </c>
      <c r="B41" s="111"/>
      <c r="C41" s="112"/>
      <c r="D41" s="283">
        <v>
0</v>
      </c>
      <c r="E41" s="131"/>
      <c r="F41" s="286"/>
      <c r="G41" s="283">
        <v>
0</v>
      </c>
      <c r="H41" s="131"/>
      <c r="I41" s="131"/>
      <c r="J41" s="286"/>
      <c r="K41" s="283">
        <v>
0</v>
      </c>
      <c r="L41" s="284"/>
      <c r="M41" s="285"/>
      <c r="N41" s="183" t="s">
        <v>
99</v>
      </c>
      <c r="O41" s="134"/>
      <c r="P41" s="72" t="s">
        <v>
100</v>
      </c>
      <c r="Q41" s="101"/>
      <c r="R41" s="287" t="s">
        <v>
263</v>
      </c>
      <c r="S41" s="288"/>
      <c r="T41" s="289"/>
      <c r="U41" s="290">
        <v>
627000</v>
      </c>
      <c r="V41" s="291"/>
      <c r="W41" s="291"/>
      <c r="X41" s="291"/>
      <c r="Y41" s="291"/>
      <c r="Z41" s="292"/>
      <c r="AB41" s="78"/>
      <c r="AC41" s="78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65"/>
      <c r="BA41" s="65"/>
      <c r="BB41" s="65"/>
      <c r="BC41" s="6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101</v>
      </c>
      <c r="B42" s="122"/>
      <c r="C42" s="123"/>
      <c r="D42" s="283">
        <v>
937</v>
      </c>
      <c r="E42" s="131"/>
      <c r="F42" s="286"/>
      <c r="G42" s="283">
        <v>
290783</v>
      </c>
      <c r="H42" s="131"/>
      <c r="I42" s="131"/>
      <c r="J42" s="286"/>
      <c r="K42" s="283">
        <v>
310334</v>
      </c>
      <c r="L42" s="284"/>
      <c r="M42" s="285"/>
      <c r="N42" s="135"/>
      <c r="O42" s="137"/>
      <c r="P42" s="72" t="s">
        <v>
102</v>
      </c>
      <c r="Q42" s="101"/>
      <c r="R42" s="287" t="s">
        <v>
263</v>
      </c>
      <c r="S42" s="288"/>
      <c r="T42" s="289"/>
      <c r="U42" s="290">
        <v>
561000</v>
      </c>
      <c r="V42" s="291"/>
      <c r="W42" s="291"/>
      <c r="X42" s="291"/>
      <c r="Y42" s="291"/>
      <c r="Z42" s="292"/>
      <c r="AB42" s="65"/>
      <c r="AC42" s="65"/>
      <c r="AD42" s="65"/>
      <c r="AE42" s="65"/>
      <c r="AF42" s="65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65"/>
      <c r="BA42" s="65"/>
      <c r="BB42" s="65"/>
      <c r="BC42" s="6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3"/>
      <c r="B43" s="512"/>
      <c r="C43" s="294" t="s">
        <v>
103</v>
      </c>
      <c r="D43" s="169" t="s">
        <v>
104</v>
      </c>
      <c r="E43" s="126" t="s">
        <v>
105</v>
      </c>
      <c r="F43" s="184"/>
      <c r="G43" s="185"/>
      <c r="H43" s="126" t="s">
        <v>
106</v>
      </c>
      <c r="I43" s="296"/>
      <c r="J43" s="296"/>
      <c r="K43" s="297"/>
      <c r="L43" s="126" t="s">
        <v>
107</v>
      </c>
      <c r="M43" s="127"/>
      <c r="N43" s="301" t="s">
        <v>
108</v>
      </c>
      <c r="O43" s="137"/>
      <c r="P43" s="72" t="s">
        <v>
109</v>
      </c>
      <c r="Q43" s="101"/>
      <c r="R43" s="287" t="s">
        <v>
263</v>
      </c>
      <c r="S43" s="288"/>
      <c r="T43" s="289"/>
      <c r="U43" s="290">
        <v>
528000</v>
      </c>
      <c r="V43" s="291"/>
      <c r="W43" s="291"/>
      <c r="X43" s="291"/>
      <c r="Y43" s="291"/>
      <c r="Z43" s="292"/>
      <c r="AB43" s="65"/>
      <c r="AC43" s="65"/>
      <c r="AD43" s="65"/>
      <c r="AE43" s="65"/>
      <c r="AF43" s="65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65"/>
      <c r="BA43" s="65"/>
      <c r="BB43" s="65"/>
      <c r="BC43" s="6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2" t="s">
        <v>
110</v>
      </c>
      <c r="B44" s="137"/>
      <c r="C44" s="295"/>
      <c r="D44" s="170"/>
      <c r="E44" s="186"/>
      <c r="F44" s="187"/>
      <c r="G44" s="188"/>
      <c r="H44" s="298"/>
      <c r="I44" s="299"/>
      <c r="J44" s="299"/>
      <c r="K44" s="300"/>
      <c r="L44" s="128"/>
      <c r="M44" s="129"/>
      <c r="N44" s="138"/>
      <c r="O44" s="140"/>
      <c r="P44" s="106" t="s">
        <v>
111</v>
      </c>
      <c r="Q44" s="513"/>
      <c r="R44" s="513"/>
      <c r="S44" s="22">
        <v>
28</v>
      </c>
      <c r="T44" s="23" t="s">
        <v>
112</v>
      </c>
      <c r="U44" s="268"/>
      <c r="V44" s="269"/>
      <c r="W44" s="269"/>
      <c r="X44" s="269"/>
      <c r="Y44" s="269"/>
      <c r="Z44" s="270"/>
      <c r="AB44" s="65"/>
      <c r="AC44" s="65"/>
      <c r="AD44" s="65"/>
      <c r="AE44" s="65"/>
      <c r="AF44" s="65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65"/>
      <c r="BA44" s="65"/>
      <c r="BB44" s="65"/>
      <c r="BC44" s="6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4" t="s">
        <v>
113</v>
      </c>
      <c r="D45" s="25"/>
      <c r="E45" s="283">
        <v>
285117</v>
      </c>
      <c r="F45" s="131"/>
      <c r="G45" s="286"/>
      <c r="H45" s="283">
        <v>
2601612</v>
      </c>
      <c r="I45" s="131"/>
      <c r="J45" s="131"/>
      <c r="K45" s="286"/>
      <c r="L45" s="283">
        <v>
20</v>
      </c>
      <c r="M45" s="286"/>
      <c r="N45" s="293"/>
      <c r="O45" s="512"/>
      <c r="P45" s="72" t="s">
        <v>
114</v>
      </c>
      <c r="Q45" s="73"/>
      <c r="R45" s="73"/>
      <c r="S45" s="73"/>
      <c r="T45" s="74"/>
      <c r="U45" s="147">
        <v>
28947</v>
      </c>
      <c r="V45" s="148"/>
      <c r="W45" s="148"/>
      <c r="X45" s="148"/>
      <c r="Y45" s="148"/>
      <c r="Z45" s="4" t="s">
        <v>
115</v>
      </c>
      <c r="AB45" s="65"/>
      <c r="AC45" s="65"/>
      <c r="AD45" s="65"/>
      <c r="AE45" s="65"/>
      <c r="AF45" s="65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65"/>
      <c r="BA45" s="65"/>
      <c r="BB45" s="65"/>
      <c r="BC45" s="6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4" t="s">
        <v>
116</v>
      </c>
      <c r="D46" s="25"/>
      <c r="E46" s="283">
        <v>
288891</v>
      </c>
      <c r="F46" s="131"/>
      <c r="G46" s="286"/>
      <c r="H46" s="283">
        <v>
2503565</v>
      </c>
      <c r="I46" s="131"/>
      <c r="J46" s="131"/>
      <c r="K46" s="286"/>
      <c r="L46" s="283">
        <v>
25</v>
      </c>
      <c r="M46" s="286"/>
      <c r="N46" s="303" t="s">
        <v>
117</v>
      </c>
      <c r="O46" s="137"/>
      <c r="P46" s="72" t="s">
        <v>
118</v>
      </c>
      <c r="Q46" s="73"/>
      <c r="R46" s="73"/>
      <c r="S46" s="73"/>
      <c r="T46" s="74"/>
      <c r="U46" s="147">
        <v>
42728</v>
      </c>
      <c r="V46" s="148"/>
      <c r="W46" s="148"/>
      <c r="X46" s="148"/>
      <c r="Y46" s="148"/>
      <c r="Z46" s="4" t="s">
        <v>
18</v>
      </c>
      <c r="AB46" s="65"/>
      <c r="AC46" s="65"/>
      <c r="AD46" s="65"/>
      <c r="AE46" s="65"/>
      <c r="AF46" s="65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65"/>
      <c r="BA46" s="65"/>
      <c r="BB46" s="65"/>
      <c r="BC46" s="6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4" t="s">
        <v>
119</v>
      </c>
      <c r="D47" s="25"/>
      <c r="E47" s="283">
        <v>
35173</v>
      </c>
      <c r="F47" s="131"/>
      <c r="G47" s="286"/>
      <c r="H47" s="283">
        <v>
463816</v>
      </c>
      <c r="I47" s="131"/>
      <c r="J47" s="131"/>
      <c r="K47" s="286"/>
      <c r="L47" s="283">
        <v>
6</v>
      </c>
      <c r="M47" s="286"/>
      <c r="N47" s="135"/>
      <c r="O47" s="137"/>
      <c r="P47" s="72" t="s">
        <v>
120</v>
      </c>
      <c r="Q47" s="73"/>
      <c r="R47" s="73"/>
      <c r="S47" s="73"/>
      <c r="T47" s="74"/>
      <c r="U47" s="147">
        <v>
139387.19038242305</v>
      </c>
      <c r="V47" s="148"/>
      <c r="W47" s="148"/>
      <c r="X47" s="148"/>
      <c r="Y47" s="148"/>
      <c r="Z47" s="4" t="s">
        <v>
121</v>
      </c>
      <c r="AB47" s="65"/>
      <c r="AC47" s="65"/>
      <c r="AD47" s="65"/>
      <c r="AE47" s="65"/>
      <c r="AF47" s="65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65"/>
      <c r="BA47" s="65"/>
      <c r="BB47" s="65"/>
      <c r="BC47" s="6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4" t="s">
        <v>
259</v>
      </c>
      <c r="D48" s="97" t="s">
        <v>
262</v>
      </c>
      <c r="E48" s="283">
        <v>
198530</v>
      </c>
      <c r="F48" s="131"/>
      <c r="G48" s="286"/>
      <c r="H48" s="283">
        <v>
246315</v>
      </c>
      <c r="I48" s="131"/>
      <c r="J48" s="131"/>
      <c r="K48" s="286"/>
      <c r="L48" s="283">
        <v>
10</v>
      </c>
      <c r="M48" s="286"/>
      <c r="N48" s="135"/>
      <c r="O48" s="137"/>
      <c r="P48" s="72" t="s">
        <v>
122</v>
      </c>
      <c r="Q48" s="73"/>
      <c r="R48" s="73"/>
      <c r="S48" s="73"/>
      <c r="T48" s="74"/>
      <c r="U48" s="208">
        <v>
94430.84160269612</v>
      </c>
      <c r="V48" s="209"/>
      <c r="W48" s="209"/>
      <c r="X48" s="209"/>
      <c r="Y48" s="209"/>
      <c r="Z48" s="4" t="s">
        <v>
121</v>
      </c>
      <c r="AB48" s="65"/>
      <c r="AC48" s="65"/>
      <c r="AD48" s="65"/>
      <c r="AE48" s="65"/>
      <c r="AF48" s="65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65"/>
      <c r="BA48" s="65"/>
      <c r="BB48" s="65"/>
      <c r="BC48" s="6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4" t="s">
        <v>
260</v>
      </c>
      <c r="D49" s="97" t="s">
        <v>
262</v>
      </c>
      <c r="E49" s="283">
        <v>
14179</v>
      </c>
      <c r="F49" s="131"/>
      <c r="G49" s="286"/>
      <c r="H49" s="283">
        <v>
0</v>
      </c>
      <c r="I49" s="131"/>
      <c r="J49" s="131"/>
      <c r="K49" s="286"/>
      <c r="L49" s="283">
        <v>
0</v>
      </c>
      <c r="M49" s="286"/>
      <c r="N49" s="135"/>
      <c r="O49" s="137"/>
      <c r="P49" s="72" t="s">
        <v>
123</v>
      </c>
      <c r="Q49" s="73"/>
      <c r="R49" s="73"/>
      <c r="S49" s="73"/>
      <c r="T49" s="74"/>
      <c r="U49" s="147">
        <v>
456530.14416775887</v>
      </c>
      <c r="V49" s="148"/>
      <c r="W49" s="148"/>
      <c r="X49" s="148"/>
      <c r="Y49" s="148"/>
      <c r="Z49" s="4" t="s">
        <v>
121</v>
      </c>
      <c r="AB49" s="65"/>
      <c r="AC49" s="65"/>
      <c r="AD49" s="65"/>
      <c r="AE49" s="65"/>
      <c r="AF49" s="65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65"/>
      <c r="BA49" s="65"/>
      <c r="BB49" s="65"/>
      <c r="BC49" s="6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4" t="s">
        <v>
261</v>
      </c>
      <c r="D50" s="97" t="s">
        <v>
262</v>
      </c>
      <c r="E50" s="283">
        <v>
0</v>
      </c>
      <c r="F50" s="131"/>
      <c r="G50" s="286"/>
      <c r="H50" s="283">
        <v>
113277</v>
      </c>
      <c r="I50" s="131"/>
      <c r="J50" s="131"/>
      <c r="K50" s="286"/>
      <c r="L50" s="283">
        <v>
1</v>
      </c>
      <c r="M50" s="286"/>
      <c r="N50" s="135"/>
      <c r="O50" s="137"/>
      <c r="P50" s="72" t="s">
        <v>
124</v>
      </c>
      <c r="Q50" s="73"/>
      <c r="R50" s="73"/>
      <c r="S50" s="73"/>
      <c r="T50" s="74"/>
      <c r="U50" s="147">
        <v>
4024433</v>
      </c>
      <c r="V50" s="148"/>
      <c r="W50" s="148"/>
      <c r="X50" s="148"/>
      <c r="Y50" s="148"/>
      <c r="Z50" s="4" t="s">
        <v>
21</v>
      </c>
      <c r="AB50" s="65"/>
      <c r="AC50" s="65"/>
      <c r="AD50" s="65"/>
      <c r="AE50" s="65"/>
      <c r="AF50" s="65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65"/>
      <c r="BA50" s="65"/>
      <c r="BB50" s="65"/>
      <c r="BC50" s="6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4"/>
      <c r="D51" s="97"/>
      <c r="E51" s="283"/>
      <c r="F51" s="131"/>
      <c r="G51" s="286"/>
      <c r="H51" s="283"/>
      <c r="I51" s="131"/>
      <c r="J51" s="131"/>
      <c r="K51" s="286"/>
      <c r="L51" s="283"/>
      <c r="M51" s="286"/>
      <c r="N51" s="135"/>
      <c r="O51" s="137"/>
      <c r="P51" s="72" t="s">
        <v>
125</v>
      </c>
      <c r="Q51" s="73"/>
      <c r="R51" s="73"/>
      <c r="S51" s="73"/>
      <c r="T51" s="74"/>
      <c r="U51" s="147">
        <v>
12202477</v>
      </c>
      <c r="V51" s="148"/>
      <c r="W51" s="148"/>
      <c r="X51" s="148"/>
      <c r="Y51" s="148"/>
      <c r="Z51" s="4" t="s">
        <v>
21</v>
      </c>
      <c r="AB51" s="65"/>
      <c r="AC51" s="65"/>
      <c r="AD51" s="65"/>
      <c r="AE51" s="65"/>
      <c r="AF51" s="65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65"/>
      <c r="BA51" s="65"/>
      <c r="BB51" s="65"/>
      <c r="BC51" s="6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6"/>
      <c r="D52" s="97"/>
      <c r="E52" s="304"/>
      <c r="F52" s="305"/>
      <c r="G52" s="306"/>
      <c r="H52" s="304"/>
      <c r="I52" s="305"/>
      <c r="J52" s="305"/>
      <c r="K52" s="306"/>
      <c r="L52" s="304"/>
      <c r="M52" s="306"/>
      <c r="N52" s="135"/>
      <c r="O52" s="137"/>
      <c r="P52" s="27" t="s">
        <v>
126</v>
      </c>
      <c r="Q52" s="73"/>
      <c r="R52" s="73"/>
      <c r="S52" s="73"/>
      <c r="T52" s="74"/>
      <c r="U52" s="147">
        <v>
6236751</v>
      </c>
      <c r="V52" s="148"/>
      <c r="W52" s="148"/>
      <c r="X52" s="148"/>
      <c r="Y52" s="148"/>
      <c r="Z52" s="4" t="s">
        <v>
21</v>
      </c>
      <c r="AB52" s="65"/>
      <c r="AC52" s="65"/>
      <c r="AD52" s="65"/>
      <c r="AE52" s="65"/>
      <c r="AF52" s="65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65"/>
      <c r="BA52" s="65"/>
      <c r="BB52" s="65"/>
      <c r="BC52" s="6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6"/>
      <c r="D53" s="97"/>
      <c r="E53" s="304"/>
      <c r="F53" s="305"/>
      <c r="G53" s="306"/>
      <c r="H53" s="304"/>
      <c r="I53" s="305"/>
      <c r="J53" s="305"/>
      <c r="K53" s="306"/>
      <c r="L53" s="304"/>
      <c r="M53" s="306"/>
      <c r="N53" s="135"/>
      <c r="O53" s="137"/>
      <c r="P53" s="72"/>
      <c r="Q53" s="73"/>
      <c r="R53" s="73"/>
      <c r="S53" s="73"/>
      <c r="T53" s="74"/>
      <c r="U53" s="147"/>
      <c r="V53" s="148"/>
      <c r="W53" s="148"/>
      <c r="X53" s="148"/>
      <c r="Y53" s="148"/>
      <c r="Z53" s="4"/>
      <c r="AB53" s="65"/>
      <c r="AC53" s="65"/>
      <c r="AD53" s="65"/>
      <c r="AE53" s="65"/>
      <c r="AF53" s="65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65"/>
      <c r="BA53" s="65"/>
      <c r="BB53" s="65"/>
      <c r="BC53" s="6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6"/>
      <c r="D54" s="97"/>
      <c r="E54" s="304"/>
      <c r="F54" s="305"/>
      <c r="G54" s="306"/>
      <c r="H54" s="307"/>
      <c r="I54" s="308"/>
      <c r="J54" s="308"/>
      <c r="K54" s="309"/>
      <c r="L54" s="304"/>
      <c r="M54" s="306"/>
      <c r="N54" s="135"/>
      <c r="O54" s="137"/>
      <c r="P54" s="72"/>
      <c r="Q54" s="73"/>
      <c r="R54" s="73"/>
      <c r="S54" s="73"/>
      <c r="T54" s="74"/>
      <c r="U54" s="147"/>
      <c r="V54" s="148"/>
      <c r="W54" s="148"/>
      <c r="X54" s="148"/>
      <c r="Y54" s="148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0"/>
      <c r="B55" s="514"/>
      <c r="C55" s="26"/>
      <c r="D55" s="97"/>
      <c r="E55" s="307"/>
      <c r="F55" s="308"/>
      <c r="G55" s="309"/>
      <c r="H55" s="304"/>
      <c r="I55" s="305"/>
      <c r="J55" s="305"/>
      <c r="K55" s="306"/>
      <c r="L55" s="304"/>
      <c r="M55" s="306"/>
      <c r="N55" s="310"/>
      <c r="O55" s="514"/>
      <c r="P55" s="72"/>
      <c r="Q55" s="73"/>
      <c r="R55" s="73"/>
      <c r="S55" s="73"/>
      <c r="T55" s="74"/>
      <c r="U55" s="147"/>
      <c r="V55" s="148"/>
      <c r="W55" s="148"/>
      <c r="X55" s="148"/>
      <c r="Y55" s="148"/>
      <c r="Z55" s="4"/>
      <c r="AB55" s="67"/>
      <c r="AC55" s="67"/>
      <c r="AD55" s="67"/>
      <c r="AE55" s="67"/>
      <c r="AF55" s="67"/>
      <c r="AG55" s="67"/>
      <c r="AH55" s="67"/>
      <c r="AI55" s="67"/>
      <c r="AJ55" s="67"/>
      <c r="AK55" s="67"/>
      <c r="AL55" s="67"/>
      <c r="AM55" s="67"/>
      <c r="AN55" s="67"/>
      <c r="AO55" s="67"/>
      <c r="AP55" s="67"/>
      <c r="AQ55" s="67"/>
      <c r="AR55" s="67"/>
      <c r="AS55" s="67"/>
      <c r="AT55" s="67"/>
      <c r="AU55" s="67"/>
      <c r="AV55" s="67"/>
      <c r="AW55" s="67"/>
      <c r="AX55" s="67"/>
      <c r="AY55" s="67"/>
      <c r="AZ55" s="31"/>
      <c r="BA55" s="67"/>
      <c r="BB55" s="67"/>
      <c r="BC55" s="67"/>
      <c r="BD55" s="67"/>
      <c r="BE55" s="67"/>
      <c r="BF55" s="70"/>
      <c r="BG55" s="70"/>
      <c r="BH55" s="70"/>
      <c r="BI55" s="70"/>
      <c r="BJ55" s="70"/>
      <c r="BK55" s="70"/>
      <c r="BL55" s="70"/>
      <c r="BM55" s="70"/>
      <c r="BN55" s="67"/>
      <c r="BO55" s="67"/>
      <c r="BP55" s="67"/>
      <c r="BQ55" s="67"/>
      <c r="BR55" s="2"/>
    </row>
    <row r="56" spans="1:70" s="1" customFormat="1" ht="3.75" customHeight="1" x14ac:dyDescent="0.2">
      <c r="AB56" s="67"/>
      <c r="AC56" s="67"/>
      <c r="AD56" s="67"/>
      <c r="AE56" s="67"/>
      <c r="AF56" s="67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67"/>
      <c r="BB56" s="67"/>
      <c r="BC56" s="67"/>
      <c r="BD56" s="67"/>
      <c r="BE56" s="67"/>
      <c r="BF56" s="70"/>
      <c r="BG56" s="70"/>
      <c r="BH56" s="70"/>
      <c r="BI56" s="70"/>
      <c r="BJ56" s="70"/>
      <c r="BK56" s="70"/>
      <c r="BL56" s="70"/>
      <c r="BM56" s="70"/>
      <c r="BN56" s="67"/>
      <c r="BO56" s="67"/>
      <c r="BP56" s="67"/>
      <c r="BQ56" s="67"/>
      <c r="BR56" s="2"/>
    </row>
    <row r="57" spans="1:70" s="1" customFormat="1" ht="14.4" x14ac:dyDescent="0.2">
      <c r="A57" s="1" t="s">
        <v>
127</v>
      </c>
      <c r="AB57" s="67"/>
      <c r="AC57" s="67"/>
      <c r="AD57" s="67"/>
      <c r="AE57" s="67"/>
      <c r="AF57" s="67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67"/>
      <c r="BB57" s="67"/>
      <c r="BC57" s="67"/>
      <c r="BD57" s="67"/>
      <c r="BE57" s="67"/>
      <c r="BF57" s="66"/>
      <c r="BG57" s="66"/>
      <c r="BH57" s="66"/>
      <c r="BI57" s="66"/>
      <c r="BJ57" s="66"/>
      <c r="BK57" s="66"/>
      <c r="BL57" s="66"/>
      <c r="BM57" s="66"/>
      <c r="BN57" s="66"/>
      <c r="BO57" s="66"/>
      <c r="BP57" s="66"/>
      <c r="BQ57" s="66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65"/>
      <c r="BB58" s="65"/>
      <c r="BC58" s="65"/>
      <c r="BD58" s="65"/>
      <c r="BE58" s="65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67"/>
      <c r="B59" s="67"/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319" t="s">
        <v>
128</v>
      </c>
      <c r="AC59" s="320"/>
      <c r="AD59" s="320"/>
      <c r="AE59" s="320"/>
      <c r="AF59" s="320"/>
      <c r="AG59" s="320"/>
      <c r="AH59" s="320"/>
      <c r="AI59" s="320"/>
      <c r="AJ59" s="320"/>
      <c r="AK59" s="320"/>
      <c r="AL59" s="320"/>
      <c r="AM59" s="320"/>
      <c r="AN59" s="320"/>
      <c r="AO59" s="320"/>
      <c r="AP59" s="320"/>
      <c r="AQ59" s="320"/>
      <c r="AR59" s="320"/>
      <c r="AS59" s="320"/>
      <c r="AT59" s="321"/>
      <c r="AU59" s="319" t="s">
        <v>
129</v>
      </c>
      <c r="AV59" s="320"/>
      <c r="AW59" s="320"/>
      <c r="AX59" s="320"/>
      <c r="AY59" s="320"/>
      <c r="AZ59" s="320"/>
      <c r="BA59" s="320"/>
      <c r="BB59" s="320"/>
      <c r="BC59" s="320"/>
      <c r="BD59" s="320"/>
      <c r="BE59" s="320"/>
      <c r="BF59" s="320"/>
      <c r="BG59" s="320"/>
      <c r="BH59" s="320"/>
      <c r="BI59" s="320"/>
      <c r="BJ59" s="320"/>
      <c r="BK59" s="320"/>
      <c r="BL59" s="320"/>
      <c r="BM59" s="320"/>
      <c r="BN59" s="320"/>
      <c r="BO59" s="320"/>
      <c r="BP59" s="320"/>
      <c r="BQ59" s="321"/>
    </row>
    <row r="60" spans="1:70" s="2" customFormat="1" ht="14.25" customHeight="1" x14ac:dyDescent="0.2">
      <c r="A60" s="67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70"/>
      <c r="Y60" s="70"/>
      <c r="Z60" s="70"/>
      <c r="AA60" s="70"/>
      <c r="AB60" s="313" t="s">
        <v>
130</v>
      </c>
      <c r="AC60" s="314"/>
      <c r="AD60" s="315"/>
      <c r="AE60" s="313" t="s">
        <v>
131</v>
      </c>
      <c r="AF60" s="314"/>
      <c r="AG60" s="314"/>
      <c r="AH60" s="315"/>
      <c r="AI60" s="313" t="s">
        <v>
132</v>
      </c>
      <c r="AJ60" s="314"/>
      <c r="AK60" s="314"/>
      <c r="AL60" s="315"/>
      <c r="AM60" s="313" t="s">
        <v>
133</v>
      </c>
      <c r="AN60" s="314"/>
      <c r="AO60" s="314"/>
      <c r="AP60" s="315"/>
      <c r="AQ60" s="313" t="s">
        <v>
132</v>
      </c>
      <c r="AR60" s="314"/>
      <c r="AS60" s="314"/>
      <c r="AT60" s="315"/>
      <c r="AU60" s="313" t="s">
        <v>
130</v>
      </c>
      <c r="AV60" s="314"/>
      <c r="AW60" s="314"/>
      <c r="AX60" s="315"/>
      <c r="AY60" s="325" t="s">
        <v>
134</v>
      </c>
      <c r="AZ60" s="326"/>
      <c r="BA60" s="326"/>
      <c r="BB60" s="327"/>
      <c r="BC60" s="325" t="s">
        <v>
135</v>
      </c>
      <c r="BD60" s="69"/>
      <c r="BE60" s="293" t="s">
        <v>
136</v>
      </c>
      <c r="BF60" s="311"/>
      <c r="BG60" s="311"/>
      <c r="BH60" s="312"/>
      <c r="BI60" s="313" t="s">
        <v>
137</v>
      </c>
      <c r="BJ60" s="314"/>
      <c r="BK60" s="314"/>
      <c r="BL60" s="314"/>
      <c r="BM60" s="314"/>
      <c r="BN60" s="315"/>
      <c r="BO60" s="313" t="s">
        <v>
138</v>
      </c>
      <c r="BP60" s="314"/>
      <c r="BQ60" s="315"/>
    </row>
    <row r="61" spans="1:70" s="2" customFormat="1" ht="14.25" customHeight="1" x14ac:dyDescent="0.2">
      <c r="A61" s="67"/>
      <c r="B61" s="67"/>
      <c r="C61" s="67"/>
      <c r="D61" s="67"/>
      <c r="E61" s="67"/>
      <c r="F61" s="67"/>
      <c r="G61" s="67"/>
      <c r="H61" s="67"/>
      <c r="I61" s="67"/>
      <c r="J61" s="67"/>
      <c r="K61" s="67"/>
      <c r="L61" s="67"/>
      <c r="M61" s="67"/>
      <c r="N61" s="67"/>
      <c r="O61" s="67"/>
      <c r="P61" s="67"/>
      <c r="Q61" s="67"/>
      <c r="R61" s="67"/>
      <c r="S61" s="67"/>
      <c r="T61" s="67"/>
      <c r="U61" s="67"/>
      <c r="V61" s="67"/>
      <c r="W61" s="67"/>
      <c r="X61" s="70"/>
      <c r="Y61" s="70"/>
      <c r="Z61" s="70"/>
      <c r="AA61" s="70"/>
      <c r="AB61" s="316"/>
      <c r="AC61" s="317"/>
      <c r="AD61" s="318"/>
      <c r="AE61" s="316"/>
      <c r="AF61" s="317"/>
      <c r="AG61" s="317"/>
      <c r="AH61" s="318"/>
      <c r="AI61" s="316"/>
      <c r="AJ61" s="317"/>
      <c r="AK61" s="317"/>
      <c r="AL61" s="318"/>
      <c r="AM61" s="316" t="s">
        <v>
139</v>
      </c>
      <c r="AN61" s="317"/>
      <c r="AO61" s="317"/>
      <c r="AP61" s="318"/>
      <c r="AQ61" s="316"/>
      <c r="AR61" s="317"/>
      <c r="AS61" s="317"/>
      <c r="AT61" s="318"/>
      <c r="AU61" s="316"/>
      <c r="AV61" s="317"/>
      <c r="AW61" s="317"/>
      <c r="AX61" s="318"/>
      <c r="AY61" s="328"/>
      <c r="AZ61" s="329"/>
      <c r="BA61" s="329"/>
      <c r="BB61" s="330"/>
      <c r="BC61" s="328"/>
      <c r="BD61" s="71"/>
      <c r="BE61" s="316" t="s">
        <v>
139</v>
      </c>
      <c r="BF61" s="317"/>
      <c r="BG61" s="317"/>
      <c r="BH61" s="318"/>
      <c r="BI61" s="316" t="s">
        <v>
140</v>
      </c>
      <c r="BJ61" s="317"/>
      <c r="BK61" s="317"/>
      <c r="BL61" s="317"/>
      <c r="BM61" s="317"/>
      <c r="BN61" s="318"/>
      <c r="BO61" s="316" t="s">
        <v>
141</v>
      </c>
      <c r="BP61" s="317"/>
      <c r="BQ61" s="318"/>
    </row>
    <row r="62" spans="1:70" s="2" customFormat="1" ht="14.25" customHeight="1" x14ac:dyDescent="0.2">
      <c r="A62" s="67"/>
      <c r="B62" s="67"/>
      <c r="C62" s="6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7"/>
      <c r="U62" s="67"/>
      <c r="V62" s="67"/>
      <c r="W62" s="67"/>
      <c r="X62" s="6"/>
      <c r="Y62" s="6"/>
      <c r="Z62" s="6"/>
      <c r="AA62" s="6"/>
      <c r="AB62" s="322"/>
      <c r="AC62" s="323"/>
      <c r="AD62" s="324"/>
      <c r="AE62" s="351" t="s">
        <v>
21</v>
      </c>
      <c r="AF62" s="352"/>
      <c r="AG62" s="352"/>
      <c r="AH62" s="353"/>
      <c r="AI62" s="331" t="s">
        <v>
23</v>
      </c>
      <c r="AJ62" s="332"/>
      <c r="AK62" s="332"/>
      <c r="AL62" s="333"/>
      <c r="AM62" s="331" t="s">
        <v>
21</v>
      </c>
      <c r="AN62" s="332"/>
      <c r="AO62" s="332"/>
      <c r="AP62" s="333"/>
      <c r="AQ62" s="331" t="s">
        <v>
23</v>
      </c>
      <c r="AR62" s="332"/>
      <c r="AS62" s="332"/>
      <c r="AT62" s="333"/>
      <c r="AU62" s="322"/>
      <c r="AV62" s="323"/>
      <c r="AW62" s="323"/>
      <c r="AX62" s="324"/>
      <c r="AY62" s="331" t="s">
        <v>
21</v>
      </c>
      <c r="AZ62" s="332"/>
      <c r="BA62" s="332"/>
      <c r="BB62" s="333"/>
      <c r="BC62" s="76" t="s">
        <v>
23</v>
      </c>
      <c r="BD62" s="75"/>
      <c r="BE62" s="331" t="s">
        <v>
21</v>
      </c>
      <c r="BF62" s="332"/>
      <c r="BG62" s="332"/>
      <c r="BH62" s="333"/>
      <c r="BI62" s="331" t="s">
        <v>
21</v>
      </c>
      <c r="BJ62" s="332"/>
      <c r="BK62" s="332"/>
      <c r="BL62" s="332"/>
      <c r="BM62" s="332"/>
      <c r="BN62" s="333"/>
      <c r="BO62" s="334" t="s">
        <v>
23</v>
      </c>
      <c r="BP62" s="335"/>
      <c r="BQ62" s="336"/>
    </row>
    <row r="63" spans="1:70" s="2" customFormat="1" ht="15" customHeight="1" x14ac:dyDescent="0.2">
      <c r="A63" s="65"/>
      <c r="B63" s="65"/>
      <c r="C63" s="65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65"/>
      <c r="U63" s="65"/>
      <c r="V63" s="65"/>
      <c r="W63" s="65"/>
      <c r="X63" s="7"/>
      <c r="Y63" s="7"/>
      <c r="Z63" s="7"/>
      <c r="AA63" s="7"/>
      <c r="AB63" s="337" t="s">
        <v>
142</v>
      </c>
      <c r="AC63" s="337"/>
      <c r="AD63" s="337"/>
      <c r="AE63" s="338">
        <v>
32106197</v>
      </c>
      <c r="AF63" s="339"/>
      <c r="AG63" s="339"/>
      <c r="AH63" s="340"/>
      <c r="AI63" s="341">
        <v>
42.388144721527397</v>
      </c>
      <c r="AJ63" s="341"/>
      <c r="AK63" s="341"/>
      <c r="AL63" s="341"/>
      <c r="AM63" s="342">
        <v>
29629976</v>
      </c>
      <c r="AN63" s="342"/>
      <c r="AO63" s="342"/>
      <c r="AP63" s="338"/>
      <c r="AQ63" s="343">
        <v>
80.208877838721165</v>
      </c>
      <c r="AR63" s="344"/>
      <c r="AS63" s="344"/>
      <c r="AT63" s="345"/>
      <c r="AU63" s="156" t="s">
        <v>
143</v>
      </c>
      <c r="AV63" s="156"/>
      <c r="AW63" s="156"/>
      <c r="AX63" s="211"/>
      <c r="AY63" s="346">
        <v>
10411655</v>
      </c>
      <c r="AZ63" s="347"/>
      <c r="BA63" s="347"/>
      <c r="BB63" s="348"/>
      <c r="BC63" s="349">
        <v>
13.984542941464287</v>
      </c>
      <c r="BD63" s="350"/>
      <c r="BE63" s="346">
        <v>
9583807</v>
      </c>
      <c r="BF63" s="347"/>
      <c r="BG63" s="347"/>
      <c r="BH63" s="348"/>
      <c r="BI63" s="354">
        <v>
9393805</v>
      </c>
      <c r="BJ63" s="355"/>
      <c r="BK63" s="355"/>
      <c r="BL63" s="355"/>
      <c r="BM63" s="355"/>
      <c r="BN63" s="356"/>
      <c r="BO63" s="343">
        <v>
23.643680575449899</v>
      </c>
      <c r="BP63" s="344"/>
      <c r="BQ63" s="345"/>
    </row>
    <row r="64" spans="1:70" s="2" customFormat="1" ht="15" customHeight="1" x14ac:dyDescent="0.2">
      <c r="A64" s="65"/>
      <c r="B64" s="65"/>
      <c r="C64" s="65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37" t="s">
        <v>
144</v>
      </c>
      <c r="AC64" s="337"/>
      <c r="AD64" s="337"/>
      <c r="AE64" s="338">
        <v>
261509</v>
      </c>
      <c r="AF64" s="339"/>
      <c r="AG64" s="339"/>
      <c r="AH64" s="340"/>
      <c r="AI64" s="341">
        <v>
0.34525675332964256</v>
      </c>
      <c r="AJ64" s="341"/>
      <c r="AK64" s="341"/>
      <c r="AL64" s="341"/>
      <c r="AM64" s="342">
        <v>
261509</v>
      </c>
      <c r="AN64" s="342"/>
      <c r="AO64" s="342"/>
      <c r="AP64" s="338"/>
      <c r="AQ64" s="343">
        <v>
0.70790956545918682</v>
      </c>
      <c r="AR64" s="344"/>
      <c r="AS64" s="344"/>
      <c r="AT64" s="345"/>
      <c r="AU64" s="94"/>
      <c r="AV64" s="121" t="s">
        <v>
145</v>
      </c>
      <c r="AW64" s="122"/>
      <c r="AX64" s="123"/>
      <c r="AY64" s="346">
        <v>
6247639</v>
      </c>
      <c r="AZ64" s="347"/>
      <c r="BA64" s="347"/>
      <c r="BB64" s="348"/>
      <c r="BC64" s="349">
        <v>
8.3915934477532144</v>
      </c>
      <c r="BD64" s="350"/>
      <c r="BE64" s="346">
        <v>
5615463</v>
      </c>
      <c r="BF64" s="347"/>
      <c r="BG64" s="347"/>
      <c r="BH64" s="348"/>
      <c r="BI64" s="354">
        <v>
5579491</v>
      </c>
      <c r="BJ64" s="355"/>
      <c r="BK64" s="355"/>
      <c r="BL64" s="355"/>
      <c r="BM64" s="355"/>
      <c r="BN64" s="356"/>
      <c r="BO64" s="343">
        <v>
14.043266064986184</v>
      </c>
      <c r="BP64" s="344"/>
      <c r="BQ64" s="345"/>
    </row>
    <row r="65" spans="1:69" s="2" customFormat="1" ht="15" customHeight="1" x14ac:dyDescent="0.2">
      <c r="A65" s="65"/>
      <c r="B65" s="65"/>
      <c r="C65" s="65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65"/>
      <c r="U65" s="65"/>
      <c r="V65" s="65"/>
      <c r="W65" s="65"/>
      <c r="X65" s="7"/>
      <c r="Y65" s="7"/>
      <c r="Z65" s="7"/>
      <c r="AA65" s="7"/>
      <c r="AB65" s="337" t="s">
        <v>
146</v>
      </c>
      <c r="AC65" s="337"/>
      <c r="AD65" s="337"/>
      <c r="AE65" s="338">
        <v>
66481</v>
      </c>
      <c r="AF65" s="339"/>
      <c r="AG65" s="339"/>
      <c r="AH65" s="340"/>
      <c r="AI65" s="341">
        <v>
8.7771412143015981E-2</v>
      </c>
      <c r="AJ65" s="341"/>
      <c r="AK65" s="341"/>
      <c r="AL65" s="341"/>
      <c r="AM65" s="342">
        <v>
66481</v>
      </c>
      <c r="AN65" s="342"/>
      <c r="AO65" s="342"/>
      <c r="AP65" s="338"/>
      <c r="AQ65" s="343">
        <v>
0.17996526246244757</v>
      </c>
      <c r="AR65" s="344"/>
      <c r="AS65" s="344"/>
      <c r="AT65" s="345"/>
      <c r="AU65" s="111" t="s">
        <v>
147</v>
      </c>
      <c r="AV65" s="111"/>
      <c r="AW65" s="111"/>
      <c r="AX65" s="112"/>
      <c r="AY65" s="346">
        <v>
20926390</v>
      </c>
      <c r="AZ65" s="347"/>
      <c r="BA65" s="347"/>
      <c r="BB65" s="348"/>
      <c r="BC65" s="349">
        <v>
28.107539057414872</v>
      </c>
      <c r="BD65" s="350"/>
      <c r="BE65" s="346">
        <v>
5310137</v>
      </c>
      <c r="BF65" s="347"/>
      <c r="BG65" s="347"/>
      <c r="BH65" s="348"/>
      <c r="BI65" s="354">
        <v>
5310006</v>
      </c>
      <c r="BJ65" s="355"/>
      <c r="BK65" s="355"/>
      <c r="BL65" s="355"/>
      <c r="BM65" s="355"/>
      <c r="BN65" s="356"/>
      <c r="BO65" s="343">
        <v>
13.364987427109934</v>
      </c>
      <c r="BP65" s="344"/>
      <c r="BQ65" s="345"/>
    </row>
    <row r="66" spans="1:69" s="2" customFormat="1" ht="15" customHeight="1" x14ac:dyDescent="0.2">
      <c r="A66" s="65"/>
      <c r="B66" s="65"/>
      <c r="C66" s="65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65"/>
      <c r="U66" s="65"/>
      <c r="V66" s="65"/>
      <c r="W66" s="65"/>
      <c r="X66" s="7"/>
      <c r="Y66" s="7"/>
      <c r="Z66" s="7"/>
      <c r="AA66" s="7"/>
      <c r="AB66" s="337" t="s">
        <v>
148</v>
      </c>
      <c r="AC66" s="337"/>
      <c r="AD66" s="337"/>
      <c r="AE66" s="338">
        <v>
221301</v>
      </c>
      <c r="AF66" s="339"/>
      <c r="AG66" s="339"/>
      <c r="AH66" s="340"/>
      <c r="AI66" s="341">
        <v>
0.2921722188093076</v>
      </c>
      <c r="AJ66" s="341"/>
      <c r="AK66" s="341"/>
      <c r="AL66" s="341"/>
      <c r="AM66" s="342">
        <v>
221301</v>
      </c>
      <c r="AN66" s="342"/>
      <c r="AO66" s="342"/>
      <c r="AP66" s="338"/>
      <c r="AQ66" s="343">
        <v>
0.59906578643826214</v>
      </c>
      <c r="AR66" s="344"/>
      <c r="AS66" s="344"/>
      <c r="AT66" s="345"/>
      <c r="AU66" s="357" t="s">
        <v>
149</v>
      </c>
      <c r="AV66" s="357"/>
      <c r="AW66" s="357"/>
      <c r="AX66" s="358"/>
      <c r="AY66" s="346">
        <v>
5923700</v>
      </c>
      <c r="AZ66" s="347"/>
      <c r="BA66" s="347"/>
      <c r="BB66" s="348"/>
      <c r="BC66" s="349">
        <v>
7.9564907809903413</v>
      </c>
      <c r="BD66" s="350"/>
      <c r="BE66" s="346">
        <v>
5800987</v>
      </c>
      <c r="BF66" s="347"/>
      <c r="BG66" s="347"/>
      <c r="BH66" s="348"/>
      <c r="BI66" s="354">
        <v>
5800987</v>
      </c>
      <c r="BJ66" s="355"/>
      <c r="BK66" s="355"/>
      <c r="BL66" s="355"/>
      <c r="BM66" s="355"/>
      <c r="BN66" s="356"/>
      <c r="BO66" s="343">
        <v>
14.600759080089206</v>
      </c>
      <c r="BP66" s="344"/>
      <c r="BQ66" s="345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65"/>
      <c r="V67" s="65"/>
      <c r="W67" s="65"/>
      <c r="X67" s="7"/>
      <c r="Y67" s="7"/>
      <c r="Z67" s="7"/>
      <c r="AA67" s="7"/>
      <c r="AB67" s="359" t="s">
        <v>
150</v>
      </c>
      <c r="AC67" s="359"/>
      <c r="AD67" s="359"/>
      <c r="AE67" s="338">
        <v>
180112</v>
      </c>
      <c r="AF67" s="339"/>
      <c r="AG67" s="339"/>
      <c r="AH67" s="340"/>
      <c r="AI67" s="341">
        <v>
0.23779252092933162</v>
      </c>
      <c r="AJ67" s="341"/>
      <c r="AK67" s="341"/>
      <c r="AL67" s="341"/>
      <c r="AM67" s="342">
        <v>
180112</v>
      </c>
      <c r="AN67" s="342"/>
      <c r="AO67" s="342"/>
      <c r="AP67" s="338"/>
      <c r="AQ67" s="343">
        <v>
0.48756642277697926</v>
      </c>
      <c r="AR67" s="344"/>
      <c r="AS67" s="344"/>
      <c r="AT67" s="345"/>
      <c r="AU67" s="94"/>
      <c r="AV67" s="110" t="s">
        <v>
151</v>
      </c>
      <c r="AW67" s="111"/>
      <c r="AX67" s="112"/>
      <c r="AY67" s="346">
        <v>
5923601</v>
      </c>
      <c r="AZ67" s="347"/>
      <c r="BA67" s="347"/>
      <c r="BB67" s="348"/>
      <c r="BC67" s="349">
        <v>
7.9563578079182209</v>
      </c>
      <c r="BD67" s="350"/>
      <c r="BE67" s="346">
        <v>
5800888</v>
      </c>
      <c r="BF67" s="347"/>
      <c r="BG67" s="347"/>
      <c r="BH67" s="348"/>
      <c r="BI67" s="354">
        <v>
5800888</v>
      </c>
      <c r="BJ67" s="355"/>
      <c r="BK67" s="355"/>
      <c r="BL67" s="355"/>
      <c r="BM67" s="355"/>
      <c r="BN67" s="356"/>
      <c r="BO67" s="343">
        <v>
14.600509902639072</v>
      </c>
      <c r="BP67" s="344"/>
      <c r="BQ67" s="345"/>
    </row>
    <row r="68" spans="1:69" s="2" customFormat="1" ht="15" customHeight="1" x14ac:dyDescent="0.2">
      <c r="A68" s="65"/>
      <c r="B68" s="65"/>
      <c r="C68" s="65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65"/>
      <c r="V68" s="65"/>
      <c r="W68" s="65"/>
      <c r="X68" s="7"/>
      <c r="Y68" s="7"/>
      <c r="Z68" s="7"/>
      <c r="AA68" s="7"/>
      <c r="AB68" s="337" t="s">
        <v>
152</v>
      </c>
      <c r="AC68" s="337"/>
      <c r="AD68" s="337"/>
      <c r="AE68" s="338">
        <v>
3323924</v>
      </c>
      <c r="AF68" s="339"/>
      <c r="AG68" s="339"/>
      <c r="AH68" s="340"/>
      <c r="AI68" s="341">
        <v>
4.3884042558935974</v>
      </c>
      <c r="AJ68" s="341"/>
      <c r="AK68" s="341"/>
      <c r="AL68" s="341"/>
      <c r="AM68" s="342">
        <v>
3323924</v>
      </c>
      <c r="AN68" s="342"/>
      <c r="AO68" s="342"/>
      <c r="AP68" s="338"/>
      <c r="AQ68" s="343">
        <v>
8.997922038856645</v>
      </c>
      <c r="AR68" s="344"/>
      <c r="AS68" s="344"/>
      <c r="AT68" s="345"/>
      <c r="AU68" s="94"/>
      <c r="AV68" s="110" t="s">
        <v>
153</v>
      </c>
      <c r="AW68" s="111"/>
      <c r="AX68" s="112"/>
      <c r="AY68" s="346">
        <v>
99</v>
      </c>
      <c r="AZ68" s="347"/>
      <c r="BA68" s="347"/>
      <c r="BB68" s="348"/>
      <c r="BC68" s="349">
        <v>
1.3297307212013502E-4</v>
      </c>
      <c r="BD68" s="350"/>
      <c r="BE68" s="346">
        <v>
99</v>
      </c>
      <c r="BF68" s="347"/>
      <c r="BG68" s="347"/>
      <c r="BH68" s="348"/>
      <c r="BI68" s="354">
        <v>
99</v>
      </c>
      <c r="BJ68" s="355"/>
      <c r="BK68" s="355"/>
      <c r="BL68" s="355"/>
      <c r="BM68" s="355"/>
      <c r="BN68" s="356"/>
      <c r="BO68" s="343">
        <v>
2.4917745013543929E-4</v>
      </c>
      <c r="BP68" s="344"/>
      <c r="BQ68" s="345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59" t="s">
        <v>
154</v>
      </c>
      <c r="AC69" s="359"/>
      <c r="AD69" s="359"/>
      <c r="AE69" s="338">
        <v>
0</v>
      </c>
      <c r="AF69" s="339"/>
      <c r="AG69" s="339"/>
      <c r="AH69" s="340"/>
      <c r="AI69" s="341">
        <v>
0</v>
      </c>
      <c r="AJ69" s="341"/>
      <c r="AK69" s="341"/>
      <c r="AL69" s="341"/>
      <c r="AM69" s="342">
        <v>
0</v>
      </c>
      <c r="AN69" s="342"/>
      <c r="AO69" s="342"/>
      <c r="AP69" s="338"/>
      <c r="AQ69" s="343">
        <v>
0</v>
      </c>
      <c r="AR69" s="344"/>
      <c r="AS69" s="344"/>
      <c r="AT69" s="345"/>
      <c r="AU69" s="184" t="s">
        <v>
155</v>
      </c>
      <c r="AV69" s="184"/>
      <c r="AW69" s="184"/>
      <c r="AX69" s="185"/>
      <c r="AY69" s="346">
        <v>
37261745</v>
      </c>
      <c r="AZ69" s="347"/>
      <c r="BA69" s="347"/>
      <c r="BB69" s="348"/>
      <c r="BC69" s="349">
        <v>
50.048572779869502</v>
      </c>
      <c r="BD69" s="350"/>
      <c r="BE69" s="346">
        <v>
20694931</v>
      </c>
      <c r="BF69" s="347"/>
      <c r="BG69" s="347"/>
      <c r="BH69" s="348"/>
      <c r="BI69" s="346">
        <v>
20504798</v>
      </c>
      <c r="BJ69" s="347"/>
      <c r="BK69" s="347"/>
      <c r="BL69" s="347"/>
      <c r="BM69" s="347"/>
      <c r="BN69" s="348"/>
      <c r="BO69" s="343">
        <v>
51.609427082649042</v>
      </c>
      <c r="BP69" s="344"/>
      <c r="BQ69" s="345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59" t="s">
        <v>
156</v>
      </c>
      <c r="AC70" s="359"/>
      <c r="AD70" s="359"/>
      <c r="AE70" s="354">
        <v>
0</v>
      </c>
      <c r="AF70" s="355"/>
      <c r="AG70" s="355"/>
      <c r="AH70" s="356"/>
      <c r="AI70" s="341">
        <v>
0</v>
      </c>
      <c r="AJ70" s="341"/>
      <c r="AK70" s="341"/>
      <c r="AL70" s="341"/>
      <c r="AM70" s="342">
        <v>
0</v>
      </c>
      <c r="AN70" s="342"/>
      <c r="AO70" s="342"/>
      <c r="AP70" s="338"/>
      <c r="AQ70" s="343">
        <v>
0</v>
      </c>
      <c r="AR70" s="344"/>
      <c r="AS70" s="344"/>
      <c r="AT70" s="345"/>
      <c r="AU70" s="187"/>
      <c r="AV70" s="187"/>
      <c r="AW70" s="187"/>
      <c r="AX70" s="188"/>
      <c r="AY70" s="360"/>
      <c r="AZ70" s="361"/>
      <c r="BA70" s="361"/>
      <c r="BB70" s="362"/>
      <c r="BC70" s="363"/>
      <c r="BD70" s="364"/>
      <c r="BE70" s="360"/>
      <c r="BF70" s="361"/>
      <c r="BG70" s="361"/>
      <c r="BH70" s="362"/>
      <c r="BI70" s="360"/>
      <c r="BJ70" s="361"/>
      <c r="BK70" s="361"/>
      <c r="BL70" s="361"/>
      <c r="BM70" s="361"/>
      <c r="BN70" s="362"/>
      <c r="BO70" s="365"/>
      <c r="BP70" s="366"/>
      <c r="BQ70" s="367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65"/>
      <c r="U71" s="65"/>
      <c r="V71" s="65"/>
      <c r="W71" s="65"/>
      <c r="X71" s="7"/>
      <c r="Y71" s="7"/>
      <c r="Z71" s="7"/>
      <c r="AA71" s="7"/>
      <c r="AB71" s="368" t="s">
        <v>
157</v>
      </c>
      <c r="AC71" s="369"/>
      <c r="AD71" s="370"/>
      <c r="AE71" s="338">
        <v>
155515</v>
      </c>
      <c r="AF71" s="339"/>
      <c r="AG71" s="339"/>
      <c r="AH71" s="340"/>
      <c r="AI71" s="341">
        <v>
0.20531837907704653</v>
      </c>
      <c r="AJ71" s="341"/>
      <c r="AK71" s="341"/>
      <c r="AL71" s="341"/>
      <c r="AM71" s="342">
        <v>
155515</v>
      </c>
      <c r="AN71" s="342"/>
      <c r="AO71" s="342"/>
      <c r="AP71" s="338"/>
      <c r="AQ71" s="343">
        <v>
0.42098190147331616</v>
      </c>
      <c r="AR71" s="344"/>
      <c r="AS71" s="344"/>
      <c r="AT71" s="345"/>
      <c r="AU71" s="111" t="s">
        <v>
158</v>
      </c>
      <c r="AV71" s="111"/>
      <c r="AW71" s="111"/>
      <c r="AX71" s="112"/>
      <c r="AY71" s="346">
        <v>
11000006</v>
      </c>
      <c r="AZ71" s="347"/>
      <c r="BA71" s="347"/>
      <c r="BB71" s="348"/>
      <c r="BC71" s="349">
        <v>
14.774793850100181</v>
      </c>
      <c r="BD71" s="350"/>
      <c r="BE71" s="346">
        <v>
8826170</v>
      </c>
      <c r="BF71" s="347"/>
      <c r="BG71" s="347"/>
      <c r="BH71" s="348"/>
      <c r="BI71" s="354">
        <v>
7902646</v>
      </c>
      <c r="BJ71" s="355"/>
      <c r="BK71" s="355"/>
      <c r="BL71" s="355"/>
      <c r="BM71" s="355"/>
      <c r="BN71" s="356"/>
      <c r="BO71" s="343">
        <v>
19.890516965687159</v>
      </c>
      <c r="BP71" s="344"/>
      <c r="BQ71" s="345"/>
    </row>
    <row r="72" spans="1:69" s="2" customFormat="1" ht="15" customHeight="1" x14ac:dyDescent="0.2">
      <c r="A72" s="65"/>
      <c r="B72" s="65"/>
      <c r="C72" s="65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65"/>
      <c r="U72" s="65"/>
      <c r="V72" s="65"/>
      <c r="W72" s="65"/>
      <c r="X72" s="7"/>
      <c r="Y72" s="7"/>
      <c r="Z72" s="7"/>
      <c r="AA72" s="7"/>
      <c r="AB72" s="337" t="s">
        <v>
159</v>
      </c>
      <c r="AC72" s="337"/>
      <c r="AD72" s="337"/>
      <c r="AE72" s="338">
        <v>
175408</v>
      </c>
      <c r="AF72" s="339"/>
      <c r="AG72" s="339"/>
      <c r="AH72" s="340"/>
      <c r="AI72" s="341">
        <v>
0.23158207399380493</v>
      </c>
      <c r="AJ72" s="341"/>
      <c r="AK72" s="341"/>
      <c r="AL72" s="341"/>
      <c r="AM72" s="342">
        <v>
175408</v>
      </c>
      <c r="AN72" s="342"/>
      <c r="AO72" s="342"/>
      <c r="AP72" s="338"/>
      <c r="AQ72" s="343">
        <v>
0.47483261018957301</v>
      </c>
      <c r="AR72" s="344"/>
      <c r="AS72" s="344"/>
      <c r="AT72" s="345"/>
      <c r="AU72" s="111" t="s">
        <v>
160</v>
      </c>
      <c r="AV72" s="111"/>
      <c r="AW72" s="111"/>
      <c r="AX72" s="112"/>
      <c r="AY72" s="346">
        <v>
196522</v>
      </c>
      <c r="AZ72" s="347"/>
      <c r="BA72" s="347"/>
      <c r="BB72" s="348"/>
      <c r="BC72" s="349">
        <v>
0.26396095029488059</v>
      </c>
      <c r="BD72" s="350"/>
      <c r="BE72" s="346">
        <v>
178460</v>
      </c>
      <c r="BF72" s="347"/>
      <c r="BG72" s="347"/>
      <c r="BH72" s="348"/>
      <c r="BI72" s="354">
        <v>
169117</v>
      </c>
      <c r="BJ72" s="355"/>
      <c r="BK72" s="355"/>
      <c r="BL72" s="355"/>
      <c r="BM72" s="355"/>
      <c r="BN72" s="356"/>
      <c r="BO72" s="343">
        <v>
0.4256580084298493</v>
      </c>
      <c r="BP72" s="344"/>
      <c r="BQ72" s="345"/>
    </row>
    <row r="73" spans="1:69" s="2" customFormat="1" ht="15" customHeight="1" x14ac:dyDescent="0.2">
      <c r="A73" s="65"/>
      <c r="B73" s="65"/>
      <c r="C73" s="65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65"/>
      <c r="U73" s="65"/>
      <c r="V73" s="65"/>
      <c r="W73" s="65"/>
      <c r="X73" s="7"/>
      <c r="Y73" s="7"/>
      <c r="Z73" s="7"/>
      <c r="AA73" s="7"/>
      <c r="AB73" s="155" t="s">
        <v>
161</v>
      </c>
      <c r="AC73" s="156"/>
      <c r="AD73" s="211"/>
      <c r="AE73" s="338">
        <v>
3086694</v>
      </c>
      <c r="AF73" s="339"/>
      <c r="AG73" s="339"/>
      <c r="AH73" s="340"/>
      <c r="AI73" s="341">
        <v>
4.0752018055290167</v>
      </c>
      <c r="AJ73" s="341"/>
      <c r="AK73" s="341"/>
      <c r="AL73" s="341"/>
      <c r="AM73" s="342">
        <v>
2731316</v>
      </c>
      <c r="AN73" s="342"/>
      <c r="AO73" s="342"/>
      <c r="AP73" s="338"/>
      <c r="AQ73" s="343">
        <v>
7.3937215265697338</v>
      </c>
      <c r="AR73" s="344"/>
      <c r="AS73" s="344"/>
      <c r="AT73" s="345"/>
      <c r="AU73" s="111" t="s">
        <v>
162</v>
      </c>
      <c r="AV73" s="111"/>
      <c r="AW73" s="111"/>
      <c r="AX73" s="112"/>
      <c r="AY73" s="346">
        <v>
7844317</v>
      </c>
      <c r="AZ73" s="347"/>
      <c r="BA73" s="347"/>
      <c r="BB73" s="348"/>
      <c r="BC73" s="349">
        <v>
10.536191213880821</v>
      </c>
      <c r="BD73" s="350"/>
      <c r="BE73" s="346">
        <v>
5622019</v>
      </c>
      <c r="BF73" s="347"/>
      <c r="BG73" s="347"/>
      <c r="BH73" s="348"/>
      <c r="BI73" s="354">
        <v>
4474679</v>
      </c>
      <c r="BJ73" s="355"/>
      <c r="BK73" s="355"/>
      <c r="BL73" s="355"/>
      <c r="BM73" s="355"/>
      <c r="BN73" s="356"/>
      <c r="BO73" s="343">
        <v>
11.262516195905024</v>
      </c>
      <c r="BP73" s="344"/>
      <c r="BQ73" s="345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65"/>
      <c r="U74" s="65"/>
      <c r="V74" s="65"/>
      <c r="W74" s="65"/>
      <c r="X74" s="7"/>
      <c r="Y74" s="7"/>
      <c r="Z74" s="7"/>
      <c r="AA74" s="7"/>
      <c r="AB74" s="37"/>
      <c r="AC74" s="371" t="s">
        <v>
163</v>
      </c>
      <c r="AD74" s="371"/>
      <c r="AE74" s="338">
        <v>
2731316</v>
      </c>
      <c r="AF74" s="339"/>
      <c r="AG74" s="339"/>
      <c r="AH74" s="340"/>
      <c r="AI74" s="341">
        <v>
3.6060146858322506</v>
      </c>
      <c r="AJ74" s="341"/>
      <c r="AK74" s="341"/>
      <c r="AL74" s="341"/>
      <c r="AM74" s="342">
        <v>
2731316</v>
      </c>
      <c r="AN74" s="342"/>
      <c r="AO74" s="342"/>
      <c r="AP74" s="338"/>
      <c r="AQ74" s="343">
        <v>
7.3937215265697338</v>
      </c>
      <c r="AR74" s="344"/>
      <c r="AS74" s="344"/>
      <c r="AT74" s="345"/>
      <c r="AU74" s="111" t="s">
        <v>
164</v>
      </c>
      <c r="AV74" s="111"/>
      <c r="AW74" s="111"/>
      <c r="AX74" s="112"/>
      <c r="AY74" s="346">
        <v>
2901137</v>
      </c>
      <c r="AZ74" s="347"/>
      <c r="BA74" s="347"/>
      <c r="BB74" s="348"/>
      <c r="BC74" s="349">
        <v>
3.8966979750645669</v>
      </c>
      <c r="BD74" s="350"/>
      <c r="BE74" s="346">
        <v>
2799760</v>
      </c>
      <c r="BF74" s="347"/>
      <c r="BG74" s="347"/>
      <c r="BH74" s="348"/>
      <c r="BI74" s="354"/>
      <c r="BJ74" s="355"/>
      <c r="BK74" s="355"/>
      <c r="BL74" s="355"/>
      <c r="BM74" s="355"/>
      <c r="BN74" s="356"/>
      <c r="BO74" s="343"/>
      <c r="BP74" s="344"/>
      <c r="BQ74" s="345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8"/>
      <c r="AC75" s="371" t="s">
        <v>
165</v>
      </c>
      <c r="AD75" s="371"/>
      <c r="AE75" s="338">
        <v>
355119</v>
      </c>
      <c r="AF75" s="339"/>
      <c r="AG75" s="339"/>
      <c r="AH75" s="340"/>
      <c r="AI75" s="341">
        <v>
0.46884517544585208</v>
      </c>
      <c r="AJ75" s="341"/>
      <c r="AK75" s="341"/>
      <c r="AL75" s="341"/>
      <c r="AM75" s="342"/>
      <c r="AN75" s="342"/>
      <c r="AO75" s="342"/>
      <c r="AP75" s="338"/>
      <c r="AQ75" s="343"/>
      <c r="AR75" s="344"/>
      <c r="AS75" s="344"/>
      <c r="AT75" s="345"/>
      <c r="AU75" s="375" t="s">
        <v>
166</v>
      </c>
      <c r="AV75" s="376"/>
      <c r="AW75" s="376"/>
      <c r="AX75" s="377"/>
      <c r="AY75" s="346">
        <v>
3033</v>
      </c>
      <c r="AZ75" s="347"/>
      <c r="BA75" s="347"/>
      <c r="BB75" s="348"/>
      <c r="BC75" s="349">
        <v>
4.0738113913168644E-3</v>
      </c>
      <c r="BD75" s="350"/>
      <c r="BE75" s="346">
        <v>
284</v>
      </c>
      <c r="BF75" s="347"/>
      <c r="BG75" s="347"/>
      <c r="BH75" s="348"/>
      <c r="BI75" s="354">
        <v>
284</v>
      </c>
      <c r="BJ75" s="355"/>
      <c r="BK75" s="355"/>
      <c r="BL75" s="355"/>
      <c r="BM75" s="355"/>
      <c r="BN75" s="356"/>
      <c r="BO75" s="343">
        <v>
7.1481207917641174E-4</v>
      </c>
      <c r="BP75" s="344"/>
      <c r="BQ75" s="345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65"/>
      <c r="U76" s="65"/>
      <c r="V76" s="65"/>
      <c r="W76" s="65"/>
      <c r="X76" s="7"/>
      <c r="Y76" s="7"/>
      <c r="Z76" s="7"/>
      <c r="AA76" s="7"/>
      <c r="AB76" s="39"/>
      <c r="AC76" s="371" t="s">
        <v>
167</v>
      </c>
      <c r="AD76" s="371"/>
      <c r="AE76" s="338">
        <v>
259</v>
      </c>
      <c r="AF76" s="339"/>
      <c r="AG76" s="339"/>
      <c r="AH76" s="340"/>
      <c r="AI76" s="341">
        <v>
3.4194425091441371E-4</v>
      </c>
      <c r="AJ76" s="341"/>
      <c r="AK76" s="341"/>
      <c r="AL76" s="341"/>
      <c r="AM76" s="342"/>
      <c r="AN76" s="342"/>
      <c r="AO76" s="342"/>
      <c r="AP76" s="338"/>
      <c r="AQ76" s="343"/>
      <c r="AR76" s="344"/>
      <c r="AS76" s="344"/>
      <c r="AT76" s="345"/>
      <c r="AU76" s="111" t="s">
        <v>
168</v>
      </c>
      <c r="AV76" s="111"/>
      <c r="AW76" s="111"/>
      <c r="AX76" s="112"/>
      <c r="AY76" s="346">
        <v>
7629363</v>
      </c>
      <c r="AZ76" s="347"/>
      <c r="BA76" s="347"/>
      <c r="BB76" s="348"/>
      <c r="BC76" s="349">
        <v>
10.24747309524939</v>
      </c>
      <c r="BD76" s="350"/>
      <c r="BE76" s="372">
        <v>
6811823</v>
      </c>
      <c r="BF76" s="372"/>
      <c r="BG76" s="372"/>
      <c r="BH76" s="372"/>
      <c r="BI76" s="373">
        <v>
4813705</v>
      </c>
      <c r="BJ76" s="373"/>
      <c r="BK76" s="373"/>
      <c r="BL76" s="373"/>
      <c r="BM76" s="373"/>
      <c r="BN76" s="373"/>
      <c r="BO76" s="374">
        <v>
12.115825632365805</v>
      </c>
      <c r="BP76" s="374"/>
      <c r="BQ76" s="374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65"/>
      <c r="U77" s="65"/>
      <c r="V77" s="65"/>
      <c r="W77" s="65"/>
      <c r="X77" s="7"/>
      <c r="Y77" s="7"/>
      <c r="Z77" s="7"/>
      <c r="AA77" s="7"/>
      <c r="AB77" s="359" t="s">
        <v>
169</v>
      </c>
      <c r="AC77" s="359"/>
      <c r="AD77" s="359"/>
      <c r="AE77" s="338">
        <v>
16870</v>
      </c>
      <c r="AF77" s="339"/>
      <c r="AG77" s="339"/>
      <c r="AH77" s="340"/>
      <c r="AI77" s="341">
        <v>
2.2272584991992892E-2</v>
      </c>
      <c r="AJ77" s="341"/>
      <c r="AK77" s="341"/>
      <c r="AL77" s="341"/>
      <c r="AM77" s="342">
        <v>
16870</v>
      </c>
      <c r="AN77" s="342"/>
      <c r="AO77" s="342"/>
      <c r="AP77" s="338"/>
      <c r="AQ77" s="343">
        <v>
4.5667393356620546E-2</v>
      </c>
      <c r="AR77" s="344"/>
      <c r="AS77" s="344"/>
      <c r="AT77" s="345"/>
      <c r="AU77" s="111" t="s">
        <v>
170</v>
      </c>
      <c r="AV77" s="111"/>
      <c r="AW77" s="111"/>
      <c r="AX77" s="112"/>
      <c r="AY77" s="346">
        <v>
0</v>
      </c>
      <c r="AZ77" s="347"/>
      <c r="BA77" s="347"/>
      <c r="BB77" s="348"/>
      <c r="BC77" s="349">
        <v>
0</v>
      </c>
      <c r="BD77" s="350"/>
      <c r="BE77" s="372">
        <v>
0</v>
      </c>
      <c r="BF77" s="372"/>
      <c r="BG77" s="372"/>
      <c r="BH77" s="372"/>
      <c r="BI77" s="346"/>
      <c r="BJ77" s="347"/>
      <c r="BK77" s="347"/>
      <c r="BL77" s="347"/>
      <c r="BM77" s="347"/>
      <c r="BN77" s="347"/>
      <c r="BO77" s="347"/>
      <c r="BP77" s="347"/>
      <c r="BQ77" s="348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65"/>
      <c r="U78" s="65"/>
      <c r="V78" s="65"/>
      <c r="W78" s="65"/>
      <c r="X78" s="7"/>
      <c r="Y78" s="7"/>
      <c r="Z78" s="7"/>
      <c r="AA78" s="7"/>
      <c r="AB78" s="381" t="s">
        <v>
171</v>
      </c>
      <c r="AC78" s="381"/>
      <c r="AD78" s="381"/>
      <c r="AE78" s="382">
        <v>
0</v>
      </c>
      <c r="AF78" s="515"/>
      <c r="AG78" s="515"/>
      <c r="AH78" s="516"/>
      <c r="AI78" s="341">
        <v>
0</v>
      </c>
      <c r="AJ78" s="341"/>
      <c r="AK78" s="341"/>
      <c r="AL78" s="341"/>
      <c r="AM78" s="342">
        <v>
0</v>
      </c>
      <c r="AN78" s="342"/>
      <c r="AO78" s="342"/>
      <c r="AP78" s="338"/>
      <c r="AQ78" s="343">
        <v>
0</v>
      </c>
      <c r="AR78" s="344"/>
      <c r="AS78" s="344"/>
      <c r="AT78" s="345"/>
      <c r="AU78" s="156" t="s">
        <v>
172</v>
      </c>
      <c r="AV78" s="156"/>
      <c r="AW78" s="156"/>
      <c r="AX78" s="211"/>
      <c r="AY78" s="346">
        <v>
7615041</v>
      </c>
      <c r="AZ78" s="347"/>
      <c r="BA78" s="347"/>
      <c r="BB78" s="348"/>
      <c r="BC78" s="349">
        <v>
10.228236324149345</v>
      </c>
      <c r="BD78" s="350"/>
      <c r="BE78" s="372">
        <v>
485708</v>
      </c>
      <c r="BF78" s="372"/>
      <c r="BG78" s="372"/>
      <c r="BH78" s="354"/>
      <c r="BI78" s="378" t="s">
        <v>
173</v>
      </c>
      <c r="BJ78" s="379"/>
      <c r="BK78" s="379"/>
      <c r="BL78" s="379"/>
      <c r="BM78" s="379"/>
      <c r="BN78" s="379"/>
      <c r="BO78" s="379"/>
      <c r="BP78" s="379"/>
      <c r="BQ78" s="380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65"/>
      <c r="U79" s="94"/>
      <c r="V79" s="94"/>
      <c r="W79" s="94"/>
      <c r="X79" s="7"/>
      <c r="Y79" s="7"/>
      <c r="Z79" s="7"/>
      <c r="AA79" s="7"/>
      <c r="AB79" s="121" t="s">
        <v>
155</v>
      </c>
      <c r="AC79" s="122"/>
      <c r="AD79" s="123"/>
      <c r="AE79" s="338">
        <v>
39594011</v>
      </c>
      <c r="AF79" s="339"/>
      <c r="AG79" s="339"/>
      <c r="AH79" s="340"/>
      <c r="AI79" s="341">
        <v>
52.273916726224158</v>
      </c>
      <c r="AJ79" s="341"/>
      <c r="AK79" s="341"/>
      <c r="AL79" s="341"/>
      <c r="AM79" s="342">
        <v>
36762412</v>
      </c>
      <c r="AN79" s="342"/>
      <c r="AO79" s="342"/>
      <c r="AP79" s="338"/>
      <c r="AQ79" s="343">
        <v>
99.516510346303932</v>
      </c>
      <c r="AR79" s="344"/>
      <c r="AS79" s="344"/>
      <c r="AT79" s="345"/>
      <c r="AU79" s="40"/>
      <c r="AV79" s="183" t="s">
        <v>
174</v>
      </c>
      <c r="AW79" s="122"/>
      <c r="AX79" s="123"/>
      <c r="AY79" s="346">
        <v>
133235</v>
      </c>
      <c r="AZ79" s="347"/>
      <c r="BA79" s="347"/>
      <c r="BB79" s="348"/>
      <c r="BC79" s="349">
        <v>
0.17895623498915345</v>
      </c>
      <c r="BD79" s="350"/>
      <c r="BE79" s="346">
        <v>
133235</v>
      </c>
      <c r="BF79" s="347"/>
      <c r="BG79" s="347"/>
      <c r="BH79" s="347"/>
      <c r="BI79" s="395"/>
      <c r="BJ79" s="396"/>
      <c r="BK79" s="396"/>
      <c r="BL79" s="396"/>
      <c r="BM79" s="396"/>
      <c r="BN79" s="396"/>
      <c r="BO79" s="396"/>
      <c r="BP79" s="396"/>
      <c r="BQ79" s="397"/>
    </row>
    <row r="80" spans="1:69" s="2" customFormat="1" ht="15" customHeight="1" x14ac:dyDescent="0.2">
      <c r="A80" s="65"/>
      <c r="B80" s="65"/>
      <c r="C80" s="65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37" t="s">
        <v>
175</v>
      </c>
      <c r="AC80" s="337"/>
      <c r="AD80" s="337"/>
      <c r="AE80" s="338">
        <v>
630108</v>
      </c>
      <c r="AF80" s="339"/>
      <c r="AG80" s="339"/>
      <c r="AH80" s="340"/>
      <c r="AI80" s="341">
        <v>
0.83189887279992059</v>
      </c>
      <c r="AJ80" s="341"/>
      <c r="AK80" s="341"/>
      <c r="AL80" s="341"/>
      <c r="AM80" s="342">
        <v>
0</v>
      </c>
      <c r="AN80" s="342"/>
      <c r="AO80" s="342"/>
      <c r="AP80" s="338"/>
      <c r="AQ80" s="343">
        <v>
0</v>
      </c>
      <c r="AR80" s="344"/>
      <c r="AS80" s="344"/>
      <c r="AT80" s="345"/>
      <c r="AU80" s="383" t="s">
        <v>
176</v>
      </c>
      <c r="AV80" s="384"/>
      <c r="AW80" s="389" t="s">
        <v>
177</v>
      </c>
      <c r="AX80" s="390"/>
      <c r="AY80" s="346">
        <v>
7615041</v>
      </c>
      <c r="AZ80" s="347"/>
      <c r="BA80" s="347"/>
      <c r="BB80" s="348"/>
      <c r="BC80" s="349">
        <v>
10.228236324149345</v>
      </c>
      <c r="BD80" s="350"/>
      <c r="BE80" s="346">
        <v>
485708</v>
      </c>
      <c r="BF80" s="347"/>
      <c r="BG80" s="347"/>
      <c r="BH80" s="347"/>
      <c r="BI80" s="391">
        <v>
46711332</v>
      </c>
      <c r="BJ80" s="392"/>
      <c r="BK80" s="392"/>
      <c r="BL80" s="392"/>
      <c r="BM80" s="392"/>
      <c r="BN80" s="392"/>
      <c r="BO80" s="392"/>
      <c r="BP80" s="393" t="s">
        <v>
21</v>
      </c>
      <c r="BQ80" s="394"/>
    </row>
    <row r="81" spans="1:69" s="2" customFormat="1" ht="15" customHeight="1" x14ac:dyDescent="0.2">
      <c r="A81" s="65"/>
      <c r="B81" s="65"/>
      <c r="C81" s="65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37" t="s">
        <v>
178</v>
      </c>
      <c r="AC81" s="337"/>
      <c r="AD81" s="337"/>
      <c r="AE81" s="338">
        <v>
648127</v>
      </c>
      <c r="AF81" s="339"/>
      <c r="AG81" s="339"/>
      <c r="AH81" s="340"/>
      <c r="AI81" s="341">
        <v>
0.8556884228278232</v>
      </c>
      <c r="AJ81" s="341"/>
      <c r="AK81" s="341"/>
      <c r="AL81" s="341"/>
      <c r="AM81" s="342">
        <v>
124666</v>
      </c>
      <c r="AN81" s="342"/>
      <c r="AO81" s="342"/>
      <c r="AP81" s="338"/>
      <c r="AQ81" s="343">
        <v>
0.33747310374608519</v>
      </c>
      <c r="AR81" s="344"/>
      <c r="AS81" s="344"/>
      <c r="AT81" s="345"/>
      <c r="AU81" s="385"/>
      <c r="AV81" s="386"/>
      <c r="AW81" s="398"/>
      <c r="AX81" s="97" t="s">
        <v>
179</v>
      </c>
      <c r="AY81" s="346">
        <v>
4211345</v>
      </c>
      <c r="AZ81" s="347"/>
      <c r="BA81" s="347"/>
      <c r="BB81" s="348"/>
      <c r="BC81" s="349">
        <v>
5.6565200243209093</v>
      </c>
      <c r="BD81" s="350"/>
      <c r="BE81" s="346">
        <v>
74014</v>
      </c>
      <c r="BF81" s="347"/>
      <c r="BG81" s="347"/>
      <c r="BH81" s="347"/>
      <c r="BI81" s="395"/>
      <c r="BJ81" s="396"/>
      <c r="BK81" s="396"/>
      <c r="BL81" s="396"/>
      <c r="BM81" s="396"/>
      <c r="BN81" s="396"/>
      <c r="BO81" s="396"/>
      <c r="BP81" s="396"/>
      <c r="BQ81" s="397"/>
    </row>
    <row r="82" spans="1:69" s="2" customFormat="1" ht="15" customHeight="1" x14ac:dyDescent="0.2">
      <c r="A82" s="65"/>
      <c r="B82" s="65"/>
      <c r="C82" s="65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37" t="s">
        <v>
180</v>
      </c>
      <c r="AC82" s="337"/>
      <c r="AD82" s="337"/>
      <c r="AE82" s="338">
        <v>
434853</v>
      </c>
      <c r="AF82" s="339"/>
      <c r="AG82" s="339"/>
      <c r="AH82" s="340"/>
      <c r="AI82" s="341">
        <v>
0.57411383530071636</v>
      </c>
      <c r="AJ82" s="341"/>
      <c r="AK82" s="341"/>
      <c r="AL82" s="341"/>
      <c r="AM82" s="342">
        <v>
0</v>
      </c>
      <c r="AN82" s="342"/>
      <c r="AO82" s="342"/>
      <c r="AP82" s="338"/>
      <c r="AQ82" s="343">
        <v>
0</v>
      </c>
      <c r="AR82" s="344"/>
      <c r="AS82" s="344"/>
      <c r="AT82" s="345"/>
      <c r="AU82" s="385"/>
      <c r="AV82" s="386"/>
      <c r="AW82" s="398"/>
      <c r="AX82" s="97" t="s">
        <v>
181</v>
      </c>
      <c r="AY82" s="346">
        <v>
3403696</v>
      </c>
      <c r="AZ82" s="347"/>
      <c r="BA82" s="347"/>
      <c r="BB82" s="348"/>
      <c r="BC82" s="349">
        <v>
4.5717162998284353</v>
      </c>
      <c r="BD82" s="350"/>
      <c r="BE82" s="346">
        <v>
411694</v>
      </c>
      <c r="BF82" s="347"/>
      <c r="BG82" s="347"/>
      <c r="BH82" s="347"/>
      <c r="BI82" s="400" t="s">
        <v>
182</v>
      </c>
      <c r="BJ82" s="401"/>
      <c r="BK82" s="401"/>
      <c r="BL82" s="401"/>
      <c r="BM82" s="401"/>
      <c r="BN82" s="401"/>
      <c r="BO82" s="401"/>
      <c r="BP82" s="401"/>
      <c r="BQ82" s="402"/>
    </row>
    <row r="83" spans="1:69" s="2" customFormat="1" ht="15" customHeight="1" x14ac:dyDescent="0.2">
      <c r="A83" s="65"/>
      <c r="B83" s="65"/>
      <c r="C83" s="65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37" t="s">
        <v>
183</v>
      </c>
      <c r="AC83" s="337"/>
      <c r="AD83" s="337"/>
      <c r="AE83" s="338">
        <v>
12390946</v>
      </c>
      <c r="AF83" s="339"/>
      <c r="AG83" s="339"/>
      <c r="AH83" s="340"/>
      <c r="AI83" s="341">
        <v>
16.359122579501744</v>
      </c>
      <c r="AJ83" s="341"/>
      <c r="AK83" s="341"/>
      <c r="AL83" s="341"/>
      <c r="AM83" s="342"/>
      <c r="AN83" s="342"/>
      <c r="AO83" s="342"/>
      <c r="AP83" s="338"/>
      <c r="AQ83" s="343"/>
      <c r="AR83" s="344"/>
      <c r="AS83" s="344"/>
      <c r="AT83" s="345"/>
      <c r="AU83" s="385"/>
      <c r="AV83" s="386"/>
      <c r="AW83" s="399"/>
      <c r="AX83" s="97" t="s">
        <v>
184</v>
      </c>
      <c r="AY83" s="346">
        <v>
0</v>
      </c>
      <c r="AZ83" s="347"/>
      <c r="BA83" s="347"/>
      <c r="BB83" s="348"/>
      <c r="BC83" s="349">
        <v>
0</v>
      </c>
      <c r="BD83" s="350"/>
      <c r="BE83" s="346">
        <v>
0</v>
      </c>
      <c r="BF83" s="347"/>
      <c r="BG83" s="347"/>
      <c r="BH83" s="347"/>
      <c r="BI83" s="403">
        <v>
37865229</v>
      </c>
      <c r="BJ83" s="404"/>
      <c r="BK83" s="404"/>
      <c r="BL83" s="404"/>
      <c r="BM83" s="404"/>
      <c r="BN83" s="404"/>
      <c r="BO83" s="404"/>
      <c r="BP83" s="405" t="s">
        <v>
21</v>
      </c>
      <c r="BQ83" s="406"/>
    </row>
    <row r="84" spans="1:69" s="2" customFormat="1" ht="15" customHeight="1" x14ac:dyDescent="0.2">
      <c r="A84" s="65"/>
      <c r="B84" s="65"/>
      <c r="C84" s="65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37" t="s">
        <v>
185</v>
      </c>
      <c r="AC84" s="337"/>
      <c r="AD84" s="337"/>
      <c r="AE84" s="338">
        <v>
9178969</v>
      </c>
      <c r="AF84" s="339"/>
      <c r="AG84" s="339"/>
      <c r="AH84" s="340"/>
      <c r="AI84" s="341">
        <v>
12.118516134639478</v>
      </c>
      <c r="AJ84" s="341"/>
      <c r="AK84" s="341"/>
      <c r="AL84" s="341"/>
      <c r="AM84" s="342"/>
      <c r="AN84" s="342"/>
      <c r="AO84" s="342"/>
      <c r="AP84" s="338"/>
      <c r="AQ84" s="343"/>
      <c r="AR84" s="344"/>
      <c r="AS84" s="344"/>
      <c r="AT84" s="345"/>
      <c r="AU84" s="385"/>
      <c r="AV84" s="386"/>
      <c r="AW84" s="407" t="s">
        <v>
186</v>
      </c>
      <c r="AX84" s="408"/>
      <c r="AY84" s="346">
        <v>
0</v>
      </c>
      <c r="AZ84" s="347"/>
      <c r="BA84" s="347"/>
      <c r="BB84" s="348"/>
      <c r="BC84" s="349">
        <v>
0</v>
      </c>
      <c r="BD84" s="350"/>
      <c r="BE84" s="346">
        <v>
0</v>
      </c>
      <c r="BF84" s="347"/>
      <c r="BG84" s="347"/>
      <c r="BH84" s="347"/>
      <c r="BI84" s="403"/>
      <c r="BJ84" s="404"/>
      <c r="BK84" s="404"/>
      <c r="BL84" s="404"/>
      <c r="BM84" s="404"/>
      <c r="BN84" s="404"/>
      <c r="BO84" s="404"/>
      <c r="BP84" s="405"/>
      <c r="BQ84" s="406"/>
    </row>
    <row r="85" spans="1:69" s="2" customFormat="1" ht="15" customHeight="1" x14ac:dyDescent="0.2">
      <c r="A85" s="65"/>
      <c r="B85" s="65"/>
      <c r="C85" s="65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37" t="s">
        <v>
187</v>
      </c>
      <c r="AC85" s="337"/>
      <c r="AD85" s="337"/>
      <c r="AE85" s="338">
        <v>
560195</v>
      </c>
      <c r="AF85" s="339"/>
      <c r="AG85" s="339"/>
      <c r="AH85" s="340"/>
      <c r="AI85" s="341">
        <v>
0.73959636927027028</v>
      </c>
      <c r="AJ85" s="341"/>
      <c r="AK85" s="341"/>
      <c r="AL85" s="341"/>
      <c r="AM85" s="342">
        <v>
53564</v>
      </c>
      <c r="AN85" s="342"/>
      <c r="AO85" s="342"/>
      <c r="AP85" s="338"/>
      <c r="AQ85" s="343">
        <v>
0.14499871118873875</v>
      </c>
      <c r="AR85" s="344"/>
      <c r="AS85" s="344"/>
      <c r="AT85" s="345"/>
      <c r="AU85" s="387"/>
      <c r="AV85" s="388"/>
      <c r="AW85" s="407" t="s">
        <v>
188</v>
      </c>
      <c r="AX85" s="408"/>
      <c r="AY85" s="346">
        <v>
0</v>
      </c>
      <c r="AZ85" s="347"/>
      <c r="BA85" s="347"/>
      <c r="BB85" s="348"/>
      <c r="BC85" s="349">
        <v>
0</v>
      </c>
      <c r="BD85" s="350"/>
      <c r="BE85" s="346">
        <v>
0</v>
      </c>
      <c r="BF85" s="347"/>
      <c r="BG85" s="347"/>
      <c r="BH85" s="347"/>
      <c r="BI85" s="409" t="s">
        <v>
189</v>
      </c>
      <c r="BJ85" s="410"/>
      <c r="BK85" s="410"/>
      <c r="BL85" s="410"/>
      <c r="BM85" s="410"/>
      <c r="BN85" s="410"/>
      <c r="BO85" s="410"/>
      <c r="BP85" s="410"/>
      <c r="BQ85" s="411"/>
    </row>
    <row r="86" spans="1:69" s="2" customFormat="1" ht="15" customHeight="1" x14ac:dyDescent="0.2">
      <c r="A86" s="65"/>
      <c r="B86" s="65"/>
      <c r="C86" s="65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37" t="s">
        <v>
190</v>
      </c>
      <c r="AC86" s="337"/>
      <c r="AD86" s="337"/>
      <c r="AE86" s="338">
        <v>
115802</v>
      </c>
      <c r="AF86" s="339"/>
      <c r="AG86" s="339"/>
      <c r="AH86" s="340"/>
      <c r="AI86" s="341">
        <v>
0.15288736735286076</v>
      </c>
      <c r="AJ86" s="341"/>
      <c r="AK86" s="341"/>
      <c r="AL86" s="341"/>
      <c r="AM86" s="342"/>
      <c r="AN86" s="342"/>
      <c r="AO86" s="342"/>
      <c r="AP86" s="338"/>
      <c r="AQ86" s="343"/>
      <c r="AR86" s="344"/>
      <c r="AS86" s="344"/>
      <c r="AT86" s="345"/>
      <c r="AU86" s="122" t="s">
        <v>
101</v>
      </c>
      <c r="AV86" s="122"/>
      <c r="AW86" s="122"/>
      <c r="AX86" s="123"/>
      <c r="AY86" s="346">
        <v>
74451164</v>
      </c>
      <c r="AZ86" s="347"/>
      <c r="BA86" s="347"/>
      <c r="BB86" s="348"/>
      <c r="BC86" s="349">
        <v>
100</v>
      </c>
      <c r="BD86" s="350"/>
      <c r="BE86" s="346">
        <v>
45419155</v>
      </c>
      <c r="BF86" s="347"/>
      <c r="BG86" s="347"/>
      <c r="BH86" s="347"/>
      <c r="BI86" s="409" t="s">
        <v>
191</v>
      </c>
      <c r="BJ86" s="410"/>
      <c r="BK86" s="410"/>
      <c r="BL86" s="410"/>
      <c r="BM86" s="410"/>
      <c r="BN86" s="410"/>
      <c r="BO86" s="410"/>
      <c r="BP86" s="410"/>
      <c r="BQ86" s="411"/>
    </row>
    <row r="87" spans="1:69" s="2" customFormat="1" ht="15" customHeight="1" x14ac:dyDescent="0.2">
      <c r="A87" s="65"/>
      <c r="B87" s="65"/>
      <c r="C87" s="65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37" t="s">
        <v>
192</v>
      </c>
      <c r="AC87" s="337"/>
      <c r="AD87" s="337"/>
      <c r="AE87" s="338">
        <v>
2327728</v>
      </c>
      <c r="AF87" s="339"/>
      <c r="AG87" s="339"/>
      <c r="AH87" s="340"/>
      <c r="AI87" s="341">
        <v>
3.0731784065347738</v>
      </c>
      <c r="AJ87" s="341"/>
      <c r="AK87" s="341"/>
      <c r="AL87" s="341"/>
      <c r="AM87" s="342"/>
      <c r="AN87" s="342"/>
      <c r="AO87" s="342"/>
      <c r="AP87" s="338"/>
      <c r="AQ87" s="343"/>
      <c r="AR87" s="344"/>
      <c r="AS87" s="344"/>
      <c r="AT87" s="344"/>
      <c r="AU87" s="183"/>
      <c r="AV87" s="184"/>
      <c r="AW87" s="184"/>
      <c r="AX87" s="184"/>
      <c r="AY87" s="347"/>
      <c r="AZ87" s="347"/>
      <c r="BA87" s="347"/>
      <c r="BB87" s="347"/>
      <c r="BC87" s="412"/>
      <c r="BD87" s="412"/>
      <c r="BE87" s="347"/>
      <c r="BF87" s="347"/>
      <c r="BG87" s="347"/>
      <c r="BH87" s="348"/>
      <c r="BI87" s="410" t="s">
        <v>
193</v>
      </c>
      <c r="BJ87" s="410"/>
      <c r="BK87" s="410"/>
      <c r="BL87" s="410"/>
      <c r="BM87" s="410"/>
      <c r="BN87" s="410"/>
      <c r="BO87" s="410"/>
      <c r="BP87" s="410"/>
      <c r="BQ87" s="411"/>
    </row>
    <row r="88" spans="1:69" s="2" customFormat="1" ht="15" customHeight="1" x14ac:dyDescent="0.2">
      <c r="A88" s="65"/>
      <c r="B88" s="65"/>
      <c r="C88" s="65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37" t="s">
        <v>
194</v>
      </c>
      <c r="AC88" s="337"/>
      <c r="AD88" s="337"/>
      <c r="AE88" s="338">
        <v>
1657571</v>
      </c>
      <c r="AF88" s="339"/>
      <c r="AG88" s="339"/>
      <c r="AH88" s="340"/>
      <c r="AI88" s="341">
        <v>
2.1884049186581298</v>
      </c>
      <c r="AJ88" s="341"/>
      <c r="AK88" s="341"/>
      <c r="AL88" s="341"/>
      <c r="AM88" s="342"/>
      <c r="AN88" s="342"/>
      <c r="AO88" s="342"/>
      <c r="AP88" s="338"/>
      <c r="AQ88" s="343"/>
      <c r="AR88" s="344"/>
      <c r="AS88" s="344"/>
      <c r="AT88" s="345"/>
      <c r="AU88" s="41"/>
      <c r="BH88" s="42"/>
      <c r="BI88" s="409" t="s">
        <v>
195</v>
      </c>
      <c r="BJ88" s="410"/>
      <c r="BK88" s="410"/>
      <c r="BL88" s="410"/>
      <c r="BM88" s="410"/>
      <c r="BN88" s="410"/>
      <c r="BO88" s="410"/>
      <c r="BP88" s="410"/>
      <c r="BQ88" s="411"/>
    </row>
    <row r="89" spans="1:69" s="2" customFormat="1" ht="15" customHeight="1" x14ac:dyDescent="0.2">
      <c r="A89" s="65"/>
      <c r="B89" s="65"/>
      <c r="C89" s="65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5" t="s">
        <v>
196</v>
      </c>
      <c r="AC89" s="425"/>
      <c r="AD89" s="155"/>
      <c r="AE89" s="338">
        <v>
446427</v>
      </c>
      <c r="AF89" s="339"/>
      <c r="AG89" s="339"/>
      <c r="AH89" s="340"/>
      <c r="AI89" s="341">
        <v>
0.58939438649794973</v>
      </c>
      <c r="AJ89" s="341"/>
      <c r="AK89" s="341"/>
      <c r="AL89" s="341"/>
      <c r="AM89" s="342">
        <v>
376</v>
      </c>
      <c r="AN89" s="342"/>
      <c r="AO89" s="342"/>
      <c r="AP89" s="338"/>
      <c r="AQ89" s="413">
        <v>
1.0178387612382528E-3</v>
      </c>
      <c r="AR89" s="414"/>
      <c r="AS89" s="414"/>
      <c r="AT89" s="415"/>
      <c r="AU89" s="41"/>
      <c r="BH89" s="42"/>
      <c r="BI89" s="422">
        <v>
102.50185579617757</v>
      </c>
      <c r="BJ89" s="423"/>
      <c r="BK89" s="423"/>
      <c r="BL89" s="423"/>
      <c r="BM89" s="423"/>
      <c r="BN89" s="423"/>
      <c r="BO89" s="423"/>
      <c r="BP89" s="401" t="s">
        <v>
23</v>
      </c>
      <c r="BQ89" s="402"/>
    </row>
    <row r="90" spans="1:69" s="2" customFormat="1" ht="15" customHeight="1" x14ac:dyDescent="0.2">
      <c r="A90" s="65"/>
      <c r="B90" s="65"/>
      <c r="C90" s="65"/>
      <c r="D90" s="87"/>
      <c r="E90" s="503"/>
      <c r="F90" s="503"/>
      <c r="G90" s="503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5" t="s">
        <v>
197</v>
      </c>
      <c r="AC90" s="111"/>
      <c r="AD90" s="112"/>
      <c r="AE90" s="338">
        <v>
7758604</v>
      </c>
      <c r="AF90" s="515"/>
      <c r="AG90" s="515"/>
      <c r="AH90" s="516"/>
      <c r="AI90" s="413">
        <v>
10.243281980392178</v>
      </c>
      <c r="AJ90" s="414"/>
      <c r="AK90" s="414"/>
      <c r="AL90" s="415"/>
      <c r="AM90" s="416"/>
      <c r="AN90" s="417"/>
      <c r="AO90" s="417"/>
      <c r="AP90" s="418"/>
      <c r="AQ90" s="419"/>
      <c r="AR90" s="420"/>
      <c r="AS90" s="420"/>
      <c r="AT90" s="421"/>
      <c r="AU90" s="41"/>
      <c r="BH90" s="42"/>
      <c r="BI90" s="422"/>
      <c r="BJ90" s="423"/>
      <c r="BK90" s="423"/>
      <c r="BL90" s="423"/>
      <c r="BM90" s="423"/>
      <c r="BN90" s="423"/>
      <c r="BO90" s="423"/>
      <c r="BP90" s="423"/>
      <c r="BQ90" s="424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3"/>
      <c r="AC91" s="435" t="s">
        <v>
198</v>
      </c>
      <c r="AD91" s="436"/>
      <c r="AE91" s="79" t="s">
        <v>
199</v>
      </c>
      <c r="AF91" s="339">
        <v>
0</v>
      </c>
      <c r="AG91" s="339"/>
      <c r="AH91" s="80" t="s">
        <v>
200</v>
      </c>
      <c r="AI91" s="81" t="s">
        <v>
199</v>
      </c>
      <c r="AJ91" s="437">
        <v>
0</v>
      </c>
      <c r="AK91" s="437"/>
      <c r="AL91" s="82" t="s">
        <v>
200</v>
      </c>
      <c r="AM91" s="93"/>
      <c r="AN91" s="404"/>
      <c r="AO91" s="404"/>
      <c r="AP91" s="43"/>
      <c r="AQ91" s="90"/>
      <c r="AR91" s="420"/>
      <c r="AS91" s="420"/>
      <c r="AT91" s="91"/>
      <c r="AU91" s="41"/>
      <c r="BH91" s="42"/>
      <c r="BI91" s="378"/>
      <c r="BJ91" s="379"/>
      <c r="BK91" s="379"/>
      <c r="BL91" s="379"/>
      <c r="BM91" s="379"/>
      <c r="BN91" s="379"/>
      <c r="BO91" s="379"/>
      <c r="BP91" s="379"/>
      <c r="BQ91" s="380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4"/>
      <c r="AC92" s="429" t="s">
        <v>
201</v>
      </c>
      <c r="AD92" s="430"/>
      <c r="AE92" s="44" t="s">
        <v>
202</v>
      </c>
      <c r="AF92" s="431">
        <v>
2789704</v>
      </c>
      <c r="AG92" s="431"/>
      <c r="AH92" s="45" t="s">
        <v>
203</v>
      </c>
      <c r="AI92" s="98" t="s">
        <v>
202</v>
      </c>
      <c r="AJ92" s="432">
        <v>
3.683101330320246</v>
      </c>
      <c r="AK92" s="432"/>
      <c r="AL92" s="99" t="s">
        <v>
203</v>
      </c>
      <c r="AM92" s="44"/>
      <c r="AN92" s="431"/>
      <c r="AO92" s="431"/>
      <c r="AP92" s="84"/>
      <c r="AQ92" s="90"/>
      <c r="AR92" s="366"/>
      <c r="AS92" s="366"/>
      <c r="AT92" s="91"/>
      <c r="AU92" s="41"/>
      <c r="BH92" s="42"/>
      <c r="BI92" s="422"/>
      <c r="BJ92" s="423"/>
      <c r="BK92" s="423"/>
      <c r="BL92" s="423"/>
      <c r="BM92" s="423"/>
      <c r="BN92" s="423"/>
      <c r="BO92" s="423"/>
      <c r="BP92" s="423"/>
      <c r="BQ92" s="424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1" t="s">
        <v>
101</v>
      </c>
      <c r="AC93" s="122"/>
      <c r="AD93" s="123"/>
      <c r="AE93" s="338">
        <v>
75743341</v>
      </c>
      <c r="AF93" s="339"/>
      <c r="AG93" s="339"/>
      <c r="AH93" s="340"/>
      <c r="AI93" s="341">
        <v>
100</v>
      </c>
      <c r="AJ93" s="341"/>
      <c r="AK93" s="341"/>
      <c r="AL93" s="341"/>
      <c r="AM93" s="342">
        <v>
36941018</v>
      </c>
      <c r="AN93" s="342"/>
      <c r="AO93" s="342"/>
      <c r="AP93" s="338"/>
      <c r="AQ93" s="413">
        <v>
100</v>
      </c>
      <c r="AR93" s="414"/>
      <c r="AS93" s="414"/>
      <c r="AT93" s="415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426"/>
      <c r="BJ93" s="427"/>
      <c r="BK93" s="427"/>
      <c r="BL93" s="427"/>
      <c r="BM93" s="427"/>
      <c r="BN93" s="427"/>
      <c r="BO93" s="427"/>
      <c r="BP93" s="427"/>
      <c r="BQ93" s="428"/>
    </row>
    <row r="94" spans="1:69" s="2" customFormat="1" ht="14.25" customHeight="1" x14ac:dyDescent="0.2">
      <c r="A94" s="67"/>
      <c r="B94" s="67"/>
      <c r="C94" s="67"/>
      <c r="D94" s="67"/>
      <c r="E94" s="67"/>
      <c r="F94" s="67"/>
      <c r="G94" s="67"/>
      <c r="H94" s="67"/>
      <c r="I94" s="67"/>
      <c r="J94" s="67"/>
      <c r="K94" s="67"/>
      <c r="L94" s="67"/>
      <c r="M94" s="67"/>
      <c r="N94" s="67"/>
      <c r="O94" s="67"/>
      <c r="P94" s="67"/>
      <c r="Q94" s="67"/>
      <c r="R94" s="67"/>
      <c r="S94" s="67"/>
      <c r="T94" s="67"/>
      <c r="U94" s="67"/>
      <c r="V94" s="67"/>
      <c r="W94" s="67"/>
      <c r="X94" s="67"/>
      <c r="Y94" s="67"/>
      <c r="Z94" s="67"/>
      <c r="AA94" s="67"/>
      <c r="AB94" s="319" t="s">
        <v>
204</v>
      </c>
      <c r="AC94" s="320"/>
      <c r="AD94" s="320"/>
      <c r="AE94" s="320"/>
      <c r="AF94" s="320"/>
      <c r="AG94" s="320"/>
      <c r="AH94" s="320"/>
      <c r="AI94" s="320"/>
      <c r="AJ94" s="320"/>
      <c r="AK94" s="320"/>
      <c r="AL94" s="320"/>
      <c r="AM94" s="320"/>
      <c r="AN94" s="320"/>
      <c r="AO94" s="320"/>
      <c r="AP94" s="320"/>
      <c r="AQ94" s="320"/>
      <c r="AR94" s="320"/>
      <c r="AS94" s="320"/>
      <c r="AT94" s="320"/>
      <c r="AU94" s="320"/>
      <c r="AV94" s="320"/>
      <c r="AW94" s="320"/>
      <c r="AX94" s="320"/>
      <c r="AY94" s="321"/>
      <c r="AZ94" s="319" t="s">
        <v>
205</v>
      </c>
      <c r="BA94" s="320"/>
      <c r="BB94" s="320"/>
      <c r="BC94" s="320"/>
      <c r="BD94" s="320"/>
      <c r="BE94" s="320"/>
      <c r="BF94" s="320"/>
      <c r="BG94" s="320"/>
      <c r="BH94" s="320"/>
      <c r="BI94" s="320"/>
      <c r="BJ94" s="320"/>
      <c r="BK94" s="320"/>
      <c r="BL94" s="320"/>
      <c r="BM94" s="320"/>
      <c r="BN94" s="320"/>
      <c r="BO94" s="320"/>
      <c r="BP94" s="320"/>
      <c r="BQ94" s="321"/>
    </row>
    <row r="95" spans="1:69" s="2" customFormat="1" ht="14.25" customHeight="1" x14ac:dyDescent="0.2">
      <c r="A95" s="67"/>
      <c r="B95" s="67"/>
      <c r="C95" s="67"/>
      <c r="D95" s="67"/>
      <c r="E95" s="67"/>
      <c r="F95" s="70"/>
      <c r="G95" s="70"/>
      <c r="H95" s="70"/>
      <c r="I95" s="70"/>
      <c r="J95" s="77"/>
      <c r="K95" s="77"/>
      <c r="L95" s="77"/>
      <c r="M95" s="77"/>
      <c r="N95" s="70"/>
      <c r="O95" s="78"/>
      <c r="P95" s="78"/>
      <c r="Q95" s="78"/>
      <c r="R95" s="70"/>
      <c r="S95" s="78"/>
      <c r="T95" s="78"/>
      <c r="U95" s="67"/>
      <c r="V95" s="67"/>
      <c r="W95" s="67"/>
      <c r="X95" s="67"/>
      <c r="Y95" s="67"/>
      <c r="Z95" s="67"/>
      <c r="AA95" s="67"/>
      <c r="AB95" s="438" t="s">
        <v>
206</v>
      </c>
      <c r="AC95" s="438"/>
      <c r="AD95" s="438"/>
      <c r="AE95" s="438"/>
      <c r="AF95" s="438"/>
      <c r="AG95" s="325" t="s">
        <v>
207</v>
      </c>
      <c r="AH95" s="326"/>
      <c r="AI95" s="326"/>
      <c r="AJ95" s="327"/>
      <c r="AK95" s="439" t="s">
        <v>
132</v>
      </c>
      <c r="AL95" s="440"/>
      <c r="AM95" s="440"/>
      <c r="AN95" s="441"/>
      <c r="AO95" s="445" t="s">
        <v>
208</v>
      </c>
      <c r="AP95" s="126" t="s">
        <v>
209</v>
      </c>
      <c r="AQ95" s="447"/>
      <c r="AR95" s="447"/>
      <c r="AS95" s="314" t="s">
        <v>
210</v>
      </c>
      <c r="AT95" s="447" t="s">
        <v>
211</v>
      </c>
      <c r="AU95" s="127"/>
      <c r="AV95" s="313" t="s">
        <v>
212</v>
      </c>
      <c r="AW95" s="314"/>
      <c r="AX95" s="314"/>
      <c r="AY95" s="315"/>
      <c r="AZ95" s="313" t="s">
        <v>
206</v>
      </c>
      <c r="BA95" s="314"/>
      <c r="BB95" s="314"/>
      <c r="BC95" s="315"/>
      <c r="BD95" s="68"/>
      <c r="BE95" s="314" t="s">
        <v>
131</v>
      </c>
      <c r="BF95" s="314"/>
      <c r="BG95" s="315"/>
      <c r="BH95" s="325" t="s">
        <v>
132</v>
      </c>
      <c r="BI95" s="326"/>
      <c r="BJ95" s="326"/>
      <c r="BK95" s="327"/>
      <c r="BL95" s="313" t="s">
        <v>
136</v>
      </c>
      <c r="BM95" s="314"/>
      <c r="BN95" s="314"/>
      <c r="BO95" s="314"/>
      <c r="BP95" s="314"/>
      <c r="BQ95" s="315"/>
    </row>
    <row r="96" spans="1:69" s="2" customFormat="1" ht="15" customHeight="1" x14ac:dyDescent="0.2">
      <c r="A96" s="67"/>
      <c r="B96" s="67"/>
      <c r="C96" s="67"/>
      <c r="D96" s="67"/>
      <c r="E96" s="67"/>
      <c r="F96" s="70"/>
      <c r="G96" s="70"/>
      <c r="H96" s="70"/>
      <c r="I96" s="70"/>
      <c r="J96" s="77"/>
      <c r="K96" s="77"/>
      <c r="L96" s="77"/>
      <c r="M96" s="77"/>
      <c r="N96" s="70"/>
      <c r="O96" s="78"/>
      <c r="P96" s="78"/>
      <c r="Q96" s="78"/>
      <c r="R96" s="70"/>
      <c r="S96" s="78"/>
      <c r="T96" s="78"/>
      <c r="U96" s="67"/>
      <c r="V96" s="67"/>
      <c r="W96" s="67"/>
      <c r="X96" s="67"/>
      <c r="Y96" s="67"/>
      <c r="Z96" s="67"/>
      <c r="AA96" s="67"/>
      <c r="AB96" s="438"/>
      <c r="AC96" s="438"/>
      <c r="AD96" s="438"/>
      <c r="AE96" s="438"/>
      <c r="AF96" s="438"/>
      <c r="AG96" s="328"/>
      <c r="AH96" s="329"/>
      <c r="AI96" s="329"/>
      <c r="AJ96" s="330"/>
      <c r="AK96" s="442"/>
      <c r="AL96" s="443"/>
      <c r="AM96" s="443"/>
      <c r="AN96" s="444"/>
      <c r="AO96" s="446"/>
      <c r="AP96" s="152"/>
      <c r="AQ96" s="448"/>
      <c r="AR96" s="448"/>
      <c r="AS96" s="317"/>
      <c r="AT96" s="448"/>
      <c r="AU96" s="153"/>
      <c r="AV96" s="316" t="s">
        <v>
213</v>
      </c>
      <c r="AW96" s="317"/>
      <c r="AX96" s="317"/>
      <c r="AY96" s="318"/>
      <c r="AZ96" s="316"/>
      <c r="BA96" s="317"/>
      <c r="BB96" s="317"/>
      <c r="BC96" s="318"/>
      <c r="BD96" s="517"/>
      <c r="BE96" s="317"/>
      <c r="BF96" s="317"/>
      <c r="BG96" s="318"/>
      <c r="BH96" s="328"/>
      <c r="BI96" s="329"/>
      <c r="BJ96" s="329"/>
      <c r="BK96" s="330"/>
      <c r="BL96" s="316" t="s">
        <v>
139</v>
      </c>
      <c r="BM96" s="317"/>
      <c r="BN96" s="317"/>
      <c r="BO96" s="317"/>
      <c r="BP96" s="317"/>
      <c r="BQ96" s="318"/>
    </row>
    <row r="97" spans="1:69" s="2" customFormat="1" ht="15" customHeight="1" x14ac:dyDescent="0.2">
      <c r="A97" s="67"/>
      <c r="B97" s="67"/>
      <c r="C97" s="67"/>
      <c r="D97" s="67"/>
      <c r="E97" s="67"/>
      <c r="F97" s="5"/>
      <c r="G97" s="5"/>
      <c r="H97" s="5"/>
      <c r="I97" s="5"/>
      <c r="J97" s="5"/>
      <c r="K97" s="5"/>
      <c r="L97" s="5"/>
      <c r="M97" s="5"/>
      <c r="N97" s="5"/>
      <c r="O97" s="66"/>
      <c r="P97" s="66"/>
      <c r="Q97" s="66"/>
      <c r="R97" s="66"/>
      <c r="S97" s="66"/>
      <c r="T97" s="66"/>
      <c r="U97" s="6"/>
      <c r="V97" s="6"/>
      <c r="W97" s="6"/>
      <c r="X97" s="6"/>
      <c r="Y97" s="67"/>
      <c r="Z97" s="67"/>
      <c r="AA97" s="67"/>
      <c r="AB97" s="438"/>
      <c r="AC97" s="438"/>
      <c r="AD97" s="438"/>
      <c r="AE97" s="438"/>
      <c r="AF97" s="438"/>
      <c r="AG97" s="351" t="s">
        <v>
21</v>
      </c>
      <c r="AH97" s="352"/>
      <c r="AI97" s="352"/>
      <c r="AJ97" s="353"/>
      <c r="AK97" s="351" t="s">
        <v>
23</v>
      </c>
      <c r="AL97" s="352"/>
      <c r="AM97" s="352"/>
      <c r="AN97" s="353"/>
      <c r="AO97" s="49" t="s">
        <v>
23</v>
      </c>
      <c r="AP97" s="334" t="s">
        <v>
21</v>
      </c>
      <c r="AQ97" s="335"/>
      <c r="AR97" s="335"/>
      <c r="AS97" s="335"/>
      <c r="AT97" s="335"/>
      <c r="AU97" s="336"/>
      <c r="AV97" s="331" t="s">
        <v>
21</v>
      </c>
      <c r="AW97" s="332"/>
      <c r="AX97" s="332"/>
      <c r="AY97" s="333"/>
      <c r="AZ97" s="322"/>
      <c r="BA97" s="323"/>
      <c r="BB97" s="323"/>
      <c r="BC97" s="324"/>
      <c r="BD97" s="518"/>
      <c r="BE97" s="335" t="s">
        <v>
21</v>
      </c>
      <c r="BF97" s="335"/>
      <c r="BG97" s="336"/>
      <c r="BH97" s="351" t="s">
        <v>
23</v>
      </c>
      <c r="BI97" s="352"/>
      <c r="BJ97" s="352"/>
      <c r="BK97" s="353"/>
      <c r="BL97" s="331" t="s">
        <v>
21</v>
      </c>
      <c r="BM97" s="332"/>
      <c r="BN97" s="332"/>
      <c r="BO97" s="332"/>
      <c r="BP97" s="332"/>
      <c r="BQ97" s="333"/>
    </row>
    <row r="98" spans="1:69" s="2" customFormat="1" ht="15" customHeight="1" x14ac:dyDescent="0.2">
      <c r="A98" s="78"/>
      <c r="B98" s="78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65"/>
      <c r="Z98" s="65"/>
      <c r="AA98" s="65"/>
      <c r="AB98" s="126" t="s">
        <v>
214</v>
      </c>
      <c r="AC98" s="127"/>
      <c r="AD98" s="184" t="s">
        <v>
215</v>
      </c>
      <c r="AE98" s="184"/>
      <c r="AF98" s="185"/>
      <c r="AG98" s="372">
        <v>
15131604</v>
      </c>
      <c r="AH98" s="372"/>
      <c r="AI98" s="372"/>
      <c r="AJ98" s="372"/>
      <c r="AK98" s="449">
        <v>
47.129854713094801</v>
      </c>
      <c r="AL98" s="449"/>
      <c r="AM98" s="449"/>
      <c r="AN98" s="449"/>
      <c r="AO98" s="50">
        <v>
1.9711707583344003</v>
      </c>
      <c r="AP98" s="450">
        <v>
14861192</v>
      </c>
      <c r="AQ98" s="451"/>
      <c r="AR98" s="451"/>
      <c r="AS98" s="451"/>
      <c r="AT98" s="451"/>
      <c r="AU98" s="452"/>
      <c r="AV98" s="372">
        <v>
0</v>
      </c>
      <c r="AW98" s="372"/>
      <c r="AX98" s="372"/>
      <c r="AY98" s="372"/>
      <c r="AZ98" s="337" t="s">
        <v>
216</v>
      </c>
      <c r="BA98" s="337"/>
      <c r="BB98" s="337"/>
      <c r="BC98" s="337"/>
      <c r="BD98" s="372">
        <v>
443317</v>
      </c>
      <c r="BE98" s="372"/>
      <c r="BF98" s="372"/>
      <c r="BG98" s="372"/>
      <c r="BH98" s="449">
        <v>
0.59544670114224141</v>
      </c>
      <c r="BI98" s="449"/>
      <c r="BJ98" s="449"/>
      <c r="BK98" s="449"/>
      <c r="BL98" s="372">
        <v>
443317</v>
      </c>
      <c r="BM98" s="372"/>
      <c r="BN98" s="372"/>
      <c r="BO98" s="372"/>
      <c r="BP98" s="372"/>
      <c r="BQ98" s="372"/>
    </row>
    <row r="99" spans="1:69" s="2" customFormat="1" ht="15" customHeight="1" x14ac:dyDescent="0.2">
      <c r="A99" s="78"/>
      <c r="B99" s="78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65"/>
      <c r="Z99" s="65"/>
      <c r="AA99" s="65"/>
      <c r="AB99" s="128"/>
      <c r="AC99" s="129"/>
      <c r="AD99" s="122" t="s">
        <v>
217</v>
      </c>
      <c r="AE99" s="122"/>
      <c r="AF99" s="123"/>
      <c r="AG99" s="372">
        <v>
1466218</v>
      </c>
      <c r="AH99" s="372"/>
      <c r="AI99" s="372"/>
      <c r="AJ99" s="372"/>
      <c r="AK99" s="449">
        <v>
4.5667756913096875</v>
      </c>
      <c r="AL99" s="449"/>
      <c r="AM99" s="449"/>
      <c r="AN99" s="449"/>
      <c r="AO99" s="50">
        <v>
-2.3183614842470135</v>
      </c>
      <c r="AP99" s="450">
        <v>
1391753</v>
      </c>
      <c r="AQ99" s="451"/>
      <c r="AR99" s="451"/>
      <c r="AS99" s="451"/>
      <c r="AT99" s="451"/>
      <c r="AU99" s="452"/>
      <c r="AV99" s="372">
        <v>
143668</v>
      </c>
      <c r="AW99" s="372"/>
      <c r="AX99" s="372"/>
      <c r="AY99" s="372"/>
      <c r="AZ99" s="337" t="s">
        <v>
218</v>
      </c>
      <c r="BA99" s="337"/>
      <c r="BB99" s="337"/>
      <c r="BC99" s="337"/>
      <c r="BD99" s="372">
        <v>
8611494</v>
      </c>
      <c r="BE99" s="372"/>
      <c r="BF99" s="372"/>
      <c r="BG99" s="372"/>
      <c r="BH99" s="449">
        <v>
11.566634471960707</v>
      </c>
      <c r="BI99" s="449"/>
      <c r="BJ99" s="449"/>
      <c r="BK99" s="449"/>
      <c r="BL99" s="372">
        <v>
7358246</v>
      </c>
      <c r="BM99" s="372"/>
      <c r="BN99" s="372"/>
      <c r="BO99" s="372"/>
      <c r="BP99" s="372"/>
      <c r="BQ99" s="372"/>
    </row>
    <row r="100" spans="1:69" s="2" customFormat="1" ht="15" customHeight="1" x14ac:dyDescent="0.2">
      <c r="A100" s="65"/>
      <c r="B100" s="65"/>
      <c r="C100" s="65"/>
      <c r="D100" s="65"/>
      <c r="E100" s="65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65"/>
      <c r="Z100" s="65"/>
      <c r="AA100" s="65"/>
      <c r="AB100" s="337" t="s">
        <v>
219</v>
      </c>
      <c r="AC100" s="337"/>
      <c r="AD100" s="337"/>
      <c r="AE100" s="337"/>
      <c r="AF100" s="337"/>
      <c r="AG100" s="372">
        <v>
11972539</v>
      </c>
      <c r="AH100" s="372"/>
      <c r="AI100" s="372"/>
      <c r="AJ100" s="372"/>
      <c r="AK100" s="449">
        <v>
37.290430255567173</v>
      </c>
      <c r="AL100" s="449"/>
      <c r="AM100" s="449"/>
      <c r="AN100" s="449"/>
      <c r="AO100" s="50">
        <v>
0.9724102695754272</v>
      </c>
      <c r="AP100" s="450">
        <v>
11798337</v>
      </c>
      <c r="AQ100" s="451"/>
      <c r="AR100" s="451"/>
      <c r="AS100" s="451"/>
      <c r="AT100" s="451"/>
      <c r="AU100" s="452"/>
      <c r="AV100" s="372">
        <v>
0</v>
      </c>
      <c r="AW100" s="372"/>
      <c r="AX100" s="372"/>
      <c r="AY100" s="372"/>
      <c r="AZ100" s="337" t="s">
        <v>
220</v>
      </c>
      <c r="BA100" s="337"/>
      <c r="BB100" s="337"/>
      <c r="BC100" s="337"/>
      <c r="BD100" s="372">
        <v>
37590420</v>
      </c>
      <c r="BE100" s="372"/>
      <c r="BF100" s="372"/>
      <c r="BG100" s="372"/>
      <c r="BH100" s="449">
        <v>
50.490036663496632</v>
      </c>
      <c r="BI100" s="449"/>
      <c r="BJ100" s="449"/>
      <c r="BK100" s="449"/>
      <c r="BL100" s="372">
        <v>
18767926</v>
      </c>
      <c r="BM100" s="372"/>
      <c r="BN100" s="372"/>
      <c r="BO100" s="372"/>
      <c r="BP100" s="372"/>
      <c r="BQ100" s="372"/>
    </row>
    <row r="101" spans="1:69" s="2" customFormat="1" ht="15" customHeight="1" x14ac:dyDescent="0.2">
      <c r="A101" s="65"/>
      <c r="B101" s="65"/>
      <c r="C101" s="65"/>
      <c r="D101" s="65"/>
      <c r="E101" s="65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65"/>
      <c r="Z101" s="65"/>
      <c r="AA101" s="65"/>
      <c r="AB101" s="337" t="s">
        <v>
221</v>
      </c>
      <c r="AC101" s="337"/>
      <c r="AD101" s="337"/>
      <c r="AE101" s="337"/>
      <c r="AF101" s="337"/>
      <c r="AG101" s="372">
        <v>
114847</v>
      </c>
      <c r="AH101" s="372"/>
      <c r="AI101" s="372"/>
      <c r="AJ101" s="372"/>
      <c r="AK101" s="449">
        <v>
0.35770975927170695</v>
      </c>
      <c r="AL101" s="449"/>
      <c r="AM101" s="449"/>
      <c r="AN101" s="449"/>
      <c r="AO101" s="50">
        <v>
2.6730557765718732</v>
      </c>
      <c r="AP101" s="450">
        <v>
114983</v>
      </c>
      <c r="AQ101" s="451"/>
      <c r="AR101" s="451"/>
      <c r="AS101" s="451"/>
      <c r="AT101" s="451"/>
      <c r="AU101" s="452"/>
      <c r="AV101" s="372">
        <v>
0</v>
      </c>
      <c r="AW101" s="372"/>
      <c r="AX101" s="372"/>
      <c r="AY101" s="372"/>
      <c r="AZ101" s="337" t="s">
        <v>
222</v>
      </c>
      <c r="BA101" s="337"/>
      <c r="BB101" s="337"/>
      <c r="BC101" s="337"/>
      <c r="BD101" s="372">
        <v>
4854630</v>
      </c>
      <c r="BE101" s="372"/>
      <c r="BF101" s="372"/>
      <c r="BG101" s="372"/>
      <c r="BH101" s="449">
        <v>
6.5205562131976871</v>
      </c>
      <c r="BI101" s="449"/>
      <c r="BJ101" s="449"/>
      <c r="BK101" s="449"/>
      <c r="BL101" s="372">
        <v>
3575667</v>
      </c>
      <c r="BM101" s="372"/>
      <c r="BN101" s="372"/>
      <c r="BO101" s="372"/>
      <c r="BP101" s="372"/>
      <c r="BQ101" s="372"/>
    </row>
    <row r="102" spans="1:69" s="2" customFormat="1" ht="15" customHeight="1" x14ac:dyDescent="0.2">
      <c r="A102" s="65"/>
      <c r="B102" s="65"/>
      <c r="C102" s="65"/>
      <c r="D102" s="65"/>
      <c r="E102" s="65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65"/>
      <c r="Z102" s="65"/>
      <c r="AA102" s="65"/>
      <c r="AB102" s="337" t="s">
        <v>
223</v>
      </c>
      <c r="AC102" s="337"/>
      <c r="AD102" s="337"/>
      <c r="AE102" s="337"/>
      <c r="AF102" s="337"/>
      <c r="AG102" s="372">
        <v>
944768</v>
      </c>
      <c r="AH102" s="372"/>
      <c r="AI102" s="372"/>
      <c r="AJ102" s="372"/>
      <c r="AK102" s="449">
        <v>
2.9426344079306559</v>
      </c>
      <c r="AL102" s="449"/>
      <c r="AM102" s="449"/>
      <c r="AN102" s="449"/>
      <c r="AO102" s="50">
        <v>
-0.99760240095233299</v>
      </c>
      <c r="AP102" s="450">
        <v>
958843</v>
      </c>
      <c r="AQ102" s="451"/>
      <c r="AR102" s="451"/>
      <c r="AS102" s="451"/>
      <c r="AT102" s="451"/>
      <c r="AU102" s="452"/>
      <c r="AV102" s="372"/>
      <c r="AW102" s="372"/>
      <c r="AX102" s="372"/>
      <c r="AY102" s="372"/>
      <c r="AZ102" s="337" t="s">
        <v>
224</v>
      </c>
      <c r="BA102" s="337"/>
      <c r="BB102" s="337"/>
      <c r="BC102" s="337"/>
      <c r="BD102" s="372">
        <v>
365131</v>
      </c>
      <c r="BE102" s="372"/>
      <c r="BF102" s="372"/>
      <c r="BG102" s="372"/>
      <c r="BH102" s="449">
        <v>
0.49043021006360632</v>
      </c>
      <c r="BI102" s="449"/>
      <c r="BJ102" s="449"/>
      <c r="BK102" s="449"/>
      <c r="BL102" s="372">
        <v>
341198</v>
      </c>
      <c r="BM102" s="372"/>
      <c r="BN102" s="372"/>
      <c r="BO102" s="372"/>
      <c r="BP102" s="372"/>
      <c r="BQ102" s="372"/>
    </row>
    <row r="103" spans="1:69" s="2" customFormat="1" ht="15" customHeight="1" x14ac:dyDescent="0.2">
      <c r="A103" s="65"/>
      <c r="B103" s="65"/>
      <c r="C103" s="65"/>
      <c r="D103" s="65"/>
      <c r="E103" s="65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65"/>
      <c r="Z103" s="65"/>
      <c r="AA103" s="65"/>
      <c r="AB103" s="337" t="s">
        <v>
225</v>
      </c>
      <c r="AC103" s="337"/>
      <c r="AD103" s="337"/>
      <c r="AE103" s="337"/>
      <c r="AF103" s="337"/>
      <c r="AG103" s="372">
        <v>
0</v>
      </c>
      <c r="AH103" s="372"/>
      <c r="AI103" s="372"/>
      <c r="AJ103" s="372"/>
      <c r="AK103" s="449">
        <v>
0</v>
      </c>
      <c r="AL103" s="449"/>
      <c r="AM103" s="449"/>
      <c r="AN103" s="449"/>
      <c r="AO103" s="50">
        <v>
0</v>
      </c>
      <c r="AP103" s="450">
        <v>
0</v>
      </c>
      <c r="AQ103" s="451"/>
      <c r="AR103" s="451"/>
      <c r="AS103" s="451"/>
      <c r="AT103" s="451"/>
      <c r="AU103" s="452"/>
      <c r="AV103" s="372">
        <v>
0</v>
      </c>
      <c r="AW103" s="372"/>
      <c r="AX103" s="372"/>
      <c r="AY103" s="372"/>
      <c r="AZ103" s="337" t="s">
        <v>
226</v>
      </c>
      <c r="BA103" s="337"/>
      <c r="BB103" s="337"/>
      <c r="BC103" s="337"/>
      <c r="BD103" s="372">
        <v>
126828</v>
      </c>
      <c r="BE103" s="372"/>
      <c r="BF103" s="372"/>
      <c r="BG103" s="372"/>
      <c r="BH103" s="449">
        <v>
0.1703505938469948</v>
      </c>
      <c r="BI103" s="449"/>
      <c r="BJ103" s="449"/>
      <c r="BK103" s="449"/>
      <c r="BL103" s="372">
        <v>
72062</v>
      </c>
      <c r="BM103" s="372"/>
      <c r="BN103" s="372"/>
      <c r="BO103" s="372"/>
      <c r="BP103" s="372"/>
      <c r="BQ103" s="372"/>
    </row>
    <row r="104" spans="1:69" s="2" customFormat="1" ht="15" customHeight="1" x14ac:dyDescent="0.2">
      <c r="A104" s="65"/>
      <c r="B104" s="65"/>
      <c r="C104" s="65"/>
      <c r="D104" s="65"/>
      <c r="E104" s="65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65"/>
      <c r="Z104" s="65"/>
      <c r="AA104" s="65"/>
      <c r="AB104" s="337" t="s">
        <v>
227</v>
      </c>
      <c r="AC104" s="337"/>
      <c r="AD104" s="337"/>
      <c r="AE104" s="337"/>
      <c r="AF104" s="337"/>
      <c r="AG104" s="372">
        <v>
0</v>
      </c>
      <c r="AH104" s="372"/>
      <c r="AI104" s="372"/>
      <c r="AJ104" s="372"/>
      <c r="AK104" s="449">
        <v>
0</v>
      </c>
      <c r="AL104" s="449"/>
      <c r="AM104" s="449"/>
      <c r="AN104" s="449"/>
      <c r="AO104" s="50">
        <v>
0</v>
      </c>
      <c r="AP104" s="450">
        <v>
0</v>
      </c>
      <c r="AQ104" s="451"/>
      <c r="AR104" s="451"/>
      <c r="AS104" s="451"/>
      <c r="AT104" s="451"/>
      <c r="AU104" s="452"/>
      <c r="AV104" s="372"/>
      <c r="AW104" s="372"/>
      <c r="AX104" s="372"/>
      <c r="AY104" s="372"/>
      <c r="AZ104" s="337" t="s">
        <v>
228</v>
      </c>
      <c r="BA104" s="337"/>
      <c r="BB104" s="337"/>
      <c r="BC104" s="337"/>
      <c r="BD104" s="372">
        <v>
200100</v>
      </c>
      <c r="BE104" s="372"/>
      <c r="BF104" s="372"/>
      <c r="BG104" s="372"/>
      <c r="BH104" s="449">
        <v>
0.26876678516403046</v>
      </c>
      <c r="BI104" s="449"/>
      <c r="BJ104" s="449"/>
      <c r="BK104" s="449"/>
      <c r="BL104" s="372">
        <v>
168070</v>
      </c>
      <c r="BM104" s="372"/>
      <c r="BN104" s="372"/>
      <c r="BO104" s="372"/>
      <c r="BP104" s="372"/>
      <c r="BQ104" s="372"/>
    </row>
    <row r="105" spans="1:69" s="2" customFormat="1" ht="15" customHeight="1" x14ac:dyDescent="0.2">
      <c r="A105" s="65"/>
      <c r="B105" s="65"/>
      <c r="C105" s="65"/>
      <c r="D105" s="65"/>
      <c r="E105" s="65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65"/>
      <c r="Z105" s="65"/>
      <c r="AA105" s="65"/>
      <c r="AB105" s="425" t="s">
        <v>
229</v>
      </c>
      <c r="AC105" s="425"/>
      <c r="AD105" s="425"/>
      <c r="AE105" s="425"/>
      <c r="AF105" s="425"/>
      <c r="AG105" s="372">
        <v>
0</v>
      </c>
      <c r="AH105" s="372"/>
      <c r="AI105" s="372"/>
      <c r="AJ105" s="372"/>
      <c r="AK105" s="449">
        <v>
0</v>
      </c>
      <c r="AL105" s="449"/>
      <c r="AM105" s="449"/>
      <c r="AN105" s="449"/>
      <c r="AO105" s="50">
        <v>
0</v>
      </c>
      <c r="AP105" s="450">
        <v>
0</v>
      </c>
      <c r="AQ105" s="451"/>
      <c r="AR105" s="451"/>
      <c r="AS105" s="451"/>
      <c r="AT105" s="451"/>
      <c r="AU105" s="452"/>
      <c r="AV105" s="372"/>
      <c r="AW105" s="372"/>
      <c r="AX105" s="372"/>
      <c r="AY105" s="372"/>
      <c r="AZ105" s="337" t="s">
        <v>
230</v>
      </c>
      <c r="BA105" s="337"/>
      <c r="BB105" s="337"/>
      <c r="BC105" s="337"/>
      <c r="BD105" s="372">
        <v>
2873239</v>
      </c>
      <c r="BE105" s="372"/>
      <c r="BF105" s="372"/>
      <c r="BG105" s="372"/>
      <c r="BH105" s="449">
        <v>
3.8592264319735823</v>
      </c>
      <c r="BI105" s="449"/>
      <c r="BJ105" s="449"/>
      <c r="BK105" s="449"/>
      <c r="BL105" s="372">
        <v>
1672653</v>
      </c>
      <c r="BM105" s="372"/>
      <c r="BN105" s="372"/>
      <c r="BO105" s="372"/>
      <c r="BP105" s="372"/>
      <c r="BQ105" s="372"/>
    </row>
    <row r="106" spans="1:69" s="2" customFormat="1" ht="15" customHeight="1" x14ac:dyDescent="0.2">
      <c r="A106" s="65"/>
      <c r="B106" s="65"/>
      <c r="C106" s="65"/>
      <c r="D106" s="65"/>
      <c r="E106" s="65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65"/>
      <c r="Z106" s="65"/>
      <c r="AA106" s="65"/>
      <c r="AB106" s="155" t="s">
        <v>
231</v>
      </c>
      <c r="AC106" s="156"/>
      <c r="AD106" s="156"/>
      <c r="AE106" s="156"/>
      <c r="AF106" s="211"/>
      <c r="AG106" s="356">
        <v>
2476221</v>
      </c>
      <c r="AH106" s="372"/>
      <c r="AI106" s="372"/>
      <c r="AJ106" s="372"/>
      <c r="AK106" s="449">
        <v>
7.7125951728259814</v>
      </c>
      <c r="AL106" s="449"/>
      <c r="AM106" s="449"/>
      <c r="AN106" s="449"/>
      <c r="AO106" s="50">
        <v>
1.2806192127238987</v>
      </c>
      <c r="AP106" s="450">
        <v>
0</v>
      </c>
      <c r="AQ106" s="451"/>
      <c r="AR106" s="451"/>
      <c r="AS106" s="451"/>
      <c r="AT106" s="451"/>
      <c r="AU106" s="452"/>
      <c r="AV106" s="372">
        <v>
0</v>
      </c>
      <c r="AW106" s="372"/>
      <c r="AX106" s="372"/>
      <c r="AY106" s="372"/>
      <c r="AZ106" s="337" t="s">
        <v>
232</v>
      </c>
      <c r="BA106" s="337"/>
      <c r="BB106" s="337"/>
      <c r="BC106" s="337"/>
      <c r="BD106" s="372">
        <v>
2316305</v>
      </c>
      <c r="BE106" s="372"/>
      <c r="BF106" s="372"/>
      <c r="BG106" s="372"/>
      <c r="BH106" s="449">
        <v>
3.1111736547194884</v>
      </c>
      <c r="BI106" s="449"/>
      <c r="BJ106" s="449"/>
      <c r="BK106" s="449"/>
      <c r="BL106" s="372">
        <v>
1729412</v>
      </c>
      <c r="BM106" s="372"/>
      <c r="BN106" s="372"/>
      <c r="BO106" s="372"/>
      <c r="BP106" s="372"/>
      <c r="BQ106" s="372"/>
    </row>
    <row r="107" spans="1:69" s="2" customFormat="1" ht="15" customHeight="1" x14ac:dyDescent="0.2">
      <c r="A107" s="65"/>
      <c r="B107" s="65"/>
      <c r="C107" s="65"/>
      <c r="D107" s="65"/>
      <c r="E107" s="65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65"/>
      <c r="Z107" s="65"/>
      <c r="AA107" s="65"/>
      <c r="AB107" s="64"/>
      <c r="AC107" s="110" t="s">
        <v>
233</v>
      </c>
      <c r="AD107" s="111"/>
      <c r="AE107" s="111"/>
      <c r="AF107" s="112"/>
      <c r="AG107" s="356">
        <v>
0</v>
      </c>
      <c r="AH107" s="372"/>
      <c r="AI107" s="372"/>
      <c r="AJ107" s="372"/>
      <c r="AK107" s="449">
        <v>
0</v>
      </c>
      <c r="AL107" s="449"/>
      <c r="AM107" s="449"/>
      <c r="AN107" s="449"/>
      <c r="AO107" s="50">
        <v>
0</v>
      </c>
      <c r="AP107" s="450">
        <v>
0</v>
      </c>
      <c r="AQ107" s="451"/>
      <c r="AR107" s="451"/>
      <c r="AS107" s="451"/>
      <c r="AT107" s="451"/>
      <c r="AU107" s="452"/>
      <c r="AV107" s="372">
        <v>
0</v>
      </c>
      <c r="AW107" s="372"/>
      <c r="AX107" s="372"/>
      <c r="AY107" s="372"/>
      <c r="AZ107" s="337" t="s">
        <v>
234</v>
      </c>
      <c r="BA107" s="337"/>
      <c r="BB107" s="337"/>
      <c r="BC107" s="337"/>
      <c r="BD107" s="372">
        <v>
11146000</v>
      </c>
      <c r="BE107" s="372"/>
      <c r="BF107" s="372"/>
      <c r="BG107" s="372"/>
      <c r="BH107" s="449">
        <v>
14.970887493444696</v>
      </c>
      <c r="BI107" s="449"/>
      <c r="BJ107" s="449"/>
      <c r="BK107" s="449"/>
      <c r="BL107" s="372">
        <v>
5489617</v>
      </c>
      <c r="BM107" s="372"/>
      <c r="BN107" s="372"/>
      <c r="BO107" s="372"/>
      <c r="BP107" s="372"/>
      <c r="BQ107" s="372"/>
    </row>
    <row r="108" spans="1:69" s="2" customFormat="1" ht="15" customHeight="1" x14ac:dyDescent="0.2">
      <c r="A108" s="65"/>
      <c r="B108" s="65"/>
      <c r="C108" s="65"/>
      <c r="D108" s="65"/>
      <c r="E108" s="65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65"/>
      <c r="Z108" s="65"/>
      <c r="AA108" s="65"/>
      <c r="AB108" s="64"/>
      <c r="AC108" s="212" t="s">
        <v>
235</v>
      </c>
      <c r="AD108" s="213"/>
      <c r="AE108" s="213"/>
      <c r="AF108" s="214"/>
      <c r="AG108" s="356">
        <v>
0</v>
      </c>
      <c r="AH108" s="372"/>
      <c r="AI108" s="372"/>
      <c r="AJ108" s="372"/>
      <c r="AK108" s="449">
        <v>
0</v>
      </c>
      <c r="AL108" s="449"/>
      <c r="AM108" s="449"/>
      <c r="AN108" s="449"/>
      <c r="AO108" s="50">
        <v>
0</v>
      </c>
      <c r="AP108" s="450">
        <v>
0</v>
      </c>
      <c r="AQ108" s="451"/>
      <c r="AR108" s="451"/>
      <c r="AS108" s="451"/>
      <c r="AT108" s="451"/>
      <c r="AU108" s="452"/>
      <c r="AV108" s="372"/>
      <c r="AW108" s="372"/>
      <c r="AX108" s="372"/>
      <c r="AY108" s="372"/>
      <c r="AZ108" s="337" t="s">
        <v>
236</v>
      </c>
      <c r="BA108" s="337"/>
      <c r="BB108" s="337"/>
      <c r="BC108" s="337"/>
      <c r="BD108" s="372">
        <v>
0</v>
      </c>
      <c r="BE108" s="372"/>
      <c r="BF108" s="372"/>
      <c r="BG108" s="372"/>
      <c r="BH108" s="449">
        <v>
0</v>
      </c>
      <c r="BI108" s="449"/>
      <c r="BJ108" s="449"/>
      <c r="BK108" s="449"/>
      <c r="BL108" s="372">
        <v>
0</v>
      </c>
      <c r="BM108" s="372"/>
      <c r="BN108" s="372"/>
      <c r="BO108" s="372"/>
      <c r="BP108" s="372"/>
      <c r="BQ108" s="372"/>
    </row>
    <row r="109" spans="1:69" s="2" customFormat="1" ht="15" customHeight="1" x14ac:dyDescent="0.2">
      <c r="A109" s="65"/>
      <c r="B109" s="65"/>
      <c r="C109" s="65"/>
      <c r="D109" s="65"/>
      <c r="E109" s="65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65"/>
      <c r="Z109" s="65"/>
      <c r="AA109" s="65"/>
      <c r="AB109" s="63"/>
      <c r="AC109" s="212" t="s">
        <v>
237</v>
      </c>
      <c r="AD109" s="213"/>
      <c r="AE109" s="213"/>
      <c r="AF109" s="214"/>
      <c r="AG109" s="372">
        <v>
2476221</v>
      </c>
      <c r="AH109" s="372"/>
      <c r="AI109" s="372"/>
      <c r="AJ109" s="372"/>
      <c r="AK109" s="449">
        <v>
7.7125951728259814</v>
      </c>
      <c r="AL109" s="449"/>
      <c r="AM109" s="449"/>
      <c r="AN109" s="449"/>
      <c r="AO109" s="50">
        <v>
1.2806192127238987</v>
      </c>
      <c r="AP109" s="450">
        <v>
0</v>
      </c>
      <c r="AQ109" s="451"/>
      <c r="AR109" s="451"/>
      <c r="AS109" s="451"/>
      <c r="AT109" s="451"/>
      <c r="AU109" s="452"/>
      <c r="AV109" s="372"/>
      <c r="AW109" s="372"/>
      <c r="AX109" s="372"/>
      <c r="AY109" s="372"/>
      <c r="AZ109" s="337" t="s">
        <v>
149</v>
      </c>
      <c r="BA109" s="337"/>
      <c r="BB109" s="337"/>
      <c r="BC109" s="337"/>
      <c r="BD109" s="372">
        <v>
5923700</v>
      </c>
      <c r="BE109" s="372"/>
      <c r="BF109" s="372"/>
      <c r="BG109" s="372"/>
      <c r="BH109" s="449">
        <v>
7.9564907809903413</v>
      </c>
      <c r="BI109" s="449"/>
      <c r="BJ109" s="449"/>
      <c r="BK109" s="449"/>
      <c r="BL109" s="372">
        <v>
5800987</v>
      </c>
      <c r="BM109" s="372"/>
      <c r="BN109" s="372"/>
      <c r="BO109" s="372"/>
      <c r="BP109" s="372"/>
      <c r="BQ109" s="372"/>
    </row>
    <row r="110" spans="1:69" s="2" customFormat="1" ht="15" customHeight="1" x14ac:dyDescent="0.2">
      <c r="A110" s="65"/>
      <c r="B110" s="65"/>
      <c r="C110" s="65"/>
      <c r="D110" s="65"/>
      <c r="E110" s="65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65"/>
      <c r="Z110" s="65"/>
      <c r="AA110" s="65"/>
      <c r="AB110" s="110" t="s">
        <v>
238</v>
      </c>
      <c r="AC110" s="111"/>
      <c r="AD110" s="111"/>
      <c r="AE110" s="111"/>
      <c r="AF110" s="112"/>
      <c r="AG110" s="372">
        <v>
0</v>
      </c>
      <c r="AH110" s="372"/>
      <c r="AI110" s="372"/>
      <c r="AJ110" s="372"/>
      <c r="AK110" s="449">
        <v>
0</v>
      </c>
      <c r="AL110" s="449"/>
      <c r="AM110" s="449"/>
      <c r="AN110" s="449"/>
      <c r="AO110" s="50">
        <v>
0</v>
      </c>
      <c r="AP110" s="450">
        <v>
0</v>
      </c>
      <c r="AQ110" s="451"/>
      <c r="AR110" s="451"/>
      <c r="AS110" s="451"/>
      <c r="AT110" s="451"/>
      <c r="AU110" s="452"/>
      <c r="AV110" s="372"/>
      <c r="AW110" s="372"/>
      <c r="AX110" s="372"/>
      <c r="AY110" s="372"/>
      <c r="AZ110" s="337" t="s">
        <v>
239</v>
      </c>
      <c r="BA110" s="337"/>
      <c r="BB110" s="337"/>
      <c r="BC110" s="337"/>
      <c r="BD110" s="372">
        <v>
0</v>
      </c>
      <c r="BE110" s="372"/>
      <c r="BF110" s="372"/>
      <c r="BG110" s="372"/>
      <c r="BH110" s="449">
        <v>
0</v>
      </c>
      <c r="BI110" s="449"/>
      <c r="BJ110" s="449"/>
      <c r="BK110" s="449"/>
      <c r="BL110" s="372">
        <v>
0</v>
      </c>
      <c r="BM110" s="372"/>
      <c r="BN110" s="372"/>
      <c r="BO110" s="372"/>
      <c r="BP110" s="372"/>
      <c r="BQ110" s="372"/>
    </row>
    <row r="111" spans="1:69" s="2" customFormat="1" ht="28.5" customHeight="1" x14ac:dyDescent="0.2">
      <c r="A111" s="65"/>
      <c r="B111" s="65"/>
      <c r="C111" s="65"/>
      <c r="D111" s="65"/>
      <c r="E111" s="65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65"/>
      <c r="Z111" s="65"/>
      <c r="AA111" s="65"/>
      <c r="AB111" s="462" t="s">
        <v>
240</v>
      </c>
      <c r="AC111" s="462"/>
      <c r="AD111" s="462"/>
      <c r="AE111" s="462"/>
      <c r="AF111" s="462"/>
      <c r="AG111" s="372">
        <v>
0</v>
      </c>
      <c r="AH111" s="372"/>
      <c r="AI111" s="372"/>
      <c r="AJ111" s="372"/>
      <c r="AK111" s="449">
        <v>
0</v>
      </c>
      <c r="AL111" s="449"/>
      <c r="AM111" s="449"/>
      <c r="AN111" s="449"/>
      <c r="AO111" s="50">
        <v>
0</v>
      </c>
      <c r="AP111" s="450">
        <v>
0</v>
      </c>
      <c r="AQ111" s="451"/>
      <c r="AR111" s="451"/>
      <c r="AS111" s="451"/>
      <c r="AT111" s="451"/>
      <c r="AU111" s="452"/>
      <c r="AV111" s="372">
        <v>
0</v>
      </c>
      <c r="AW111" s="372"/>
      <c r="AX111" s="372"/>
      <c r="AY111" s="372"/>
      <c r="AZ111" s="337" t="s">
        <v>
170</v>
      </c>
      <c r="BA111" s="337"/>
      <c r="BB111" s="337"/>
      <c r="BC111" s="337"/>
      <c r="BD111" s="372">
        <v>
0</v>
      </c>
      <c r="BE111" s="372"/>
      <c r="BF111" s="372"/>
      <c r="BG111" s="372"/>
      <c r="BH111" s="449">
        <v>
0</v>
      </c>
      <c r="BI111" s="449"/>
      <c r="BJ111" s="449"/>
      <c r="BK111" s="449"/>
      <c r="BL111" s="372">
        <v>
0</v>
      </c>
      <c r="BM111" s="372"/>
      <c r="BN111" s="372"/>
      <c r="BO111" s="372"/>
      <c r="BP111" s="372"/>
      <c r="BQ111" s="372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1" t="s">
        <v>
241</v>
      </c>
      <c r="AC112" s="122"/>
      <c r="AD112" s="122"/>
      <c r="AE112" s="122"/>
      <c r="AF112" s="123"/>
      <c r="AG112" s="453">
        <v>
32106197</v>
      </c>
      <c r="AH112" s="454"/>
      <c r="AI112" s="454"/>
      <c r="AJ112" s="455"/>
      <c r="AK112" s="449">
        <v>
100</v>
      </c>
      <c r="AL112" s="449"/>
      <c r="AM112" s="449"/>
      <c r="AN112" s="449"/>
      <c r="AO112" s="51">
        <v>
1.254512564505361</v>
      </c>
      <c r="AP112" s="456">
        <v>
29125108</v>
      </c>
      <c r="AQ112" s="457"/>
      <c r="AR112" s="457"/>
      <c r="AS112" s="457"/>
      <c r="AT112" s="457"/>
      <c r="AU112" s="458"/>
      <c r="AV112" s="459">
        <v>
143668</v>
      </c>
      <c r="AW112" s="460"/>
      <c r="AX112" s="460"/>
      <c r="AY112" s="461"/>
      <c r="AZ112" s="121" t="s">
        <v>
242</v>
      </c>
      <c r="BA112" s="122"/>
      <c r="BB112" s="122"/>
      <c r="BC112" s="123"/>
      <c r="BD112" s="372">
        <v>
74451164</v>
      </c>
      <c r="BE112" s="372"/>
      <c r="BF112" s="372"/>
      <c r="BG112" s="372"/>
      <c r="BH112" s="449">
        <v>
100</v>
      </c>
      <c r="BI112" s="449"/>
      <c r="BJ112" s="449"/>
      <c r="BK112" s="449"/>
      <c r="BL112" s="372">
        <v>
45419155</v>
      </c>
      <c r="BM112" s="372"/>
      <c r="BN112" s="372"/>
      <c r="BO112" s="372"/>
      <c r="BP112" s="372"/>
      <c r="BQ112" s="372"/>
    </row>
    <row r="113" spans="1:69" s="2" customFormat="1" ht="16.5" customHeight="1" x14ac:dyDescent="0.2">
      <c r="A113" s="67"/>
      <c r="B113" s="67"/>
      <c r="C113" s="67"/>
      <c r="D113" s="67"/>
      <c r="E113" s="67"/>
      <c r="F113" s="67"/>
      <c r="G113" s="67"/>
      <c r="H113" s="67"/>
      <c r="I113" s="67"/>
      <c r="J113" s="67"/>
      <c r="K113" s="67"/>
      <c r="L113" s="67"/>
      <c r="M113" s="67"/>
      <c r="N113" s="67"/>
      <c r="O113" s="67"/>
      <c r="P113" s="67"/>
      <c r="Q113" s="67"/>
      <c r="R113" s="67"/>
      <c r="S113" s="67"/>
      <c r="T113" s="67"/>
      <c r="U113" s="67"/>
      <c r="V113" s="67"/>
      <c r="W113" s="67"/>
      <c r="X113" s="67"/>
      <c r="Y113" s="31"/>
      <c r="Z113" s="67"/>
      <c r="AA113" s="67"/>
      <c r="AB113" s="313" t="s">
        <v>
243</v>
      </c>
      <c r="AC113" s="314"/>
      <c r="AD113" s="314"/>
      <c r="AE113" s="314"/>
      <c r="AF113" s="315"/>
      <c r="AG113" s="319" t="s">
        <v>
244</v>
      </c>
      <c r="AH113" s="320"/>
      <c r="AI113" s="320"/>
      <c r="AJ113" s="320"/>
      <c r="AK113" s="320"/>
      <c r="AL113" s="320"/>
      <c r="AM113" s="320"/>
      <c r="AN113" s="320"/>
      <c r="AO113" s="320"/>
      <c r="AP113" s="320"/>
      <c r="AQ113" s="320"/>
      <c r="AR113" s="320"/>
      <c r="AS113" s="320"/>
      <c r="AT113" s="320"/>
      <c r="AU113" s="320"/>
      <c r="AV113" s="320"/>
      <c r="AW113" s="320"/>
      <c r="AX113" s="320"/>
      <c r="AY113" s="321"/>
      <c r="AZ113" s="463" t="s">
        <v>
245</v>
      </c>
      <c r="BA113" s="313" t="s">
        <v>
246</v>
      </c>
      <c r="BB113" s="314"/>
      <c r="BC113" s="314"/>
      <c r="BD113" s="314"/>
      <c r="BE113" s="315"/>
      <c r="BF113" s="325" t="s">
        <v>
247</v>
      </c>
      <c r="BG113" s="326"/>
      <c r="BH113" s="326"/>
      <c r="BI113" s="327"/>
      <c r="BJ113" s="325" t="s">
        <v>
248</v>
      </c>
      <c r="BK113" s="326"/>
      <c r="BL113" s="326"/>
      <c r="BM113" s="327"/>
      <c r="BN113" s="314" t="s">
        <v>
249</v>
      </c>
      <c r="BO113" s="314"/>
      <c r="BP113" s="314"/>
      <c r="BQ113" s="315"/>
    </row>
    <row r="114" spans="1:69" s="2" customFormat="1" ht="29.25" customHeight="1" x14ac:dyDescent="0.2">
      <c r="A114" s="67"/>
      <c r="B114" s="67"/>
      <c r="C114" s="67"/>
      <c r="D114" s="67"/>
      <c r="E114" s="67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67"/>
      <c r="AA114" s="67"/>
      <c r="AB114" s="316"/>
      <c r="AC114" s="317"/>
      <c r="AD114" s="317"/>
      <c r="AE114" s="317"/>
      <c r="AF114" s="318"/>
      <c r="AG114" s="466" t="s">
        <v>
264</v>
      </c>
      <c r="AH114" s="467"/>
      <c r="AI114" s="467"/>
      <c r="AJ114" s="467"/>
      <c r="AK114" s="467"/>
      <c r="AL114" s="467"/>
      <c r="AM114" s="467"/>
      <c r="AN114" s="467"/>
      <c r="AO114" s="467"/>
      <c r="AP114" s="467"/>
      <c r="AQ114" s="467"/>
      <c r="AR114" s="467"/>
      <c r="AS114" s="467"/>
      <c r="AT114" s="467"/>
      <c r="AU114" s="467"/>
      <c r="AV114" s="467"/>
      <c r="AW114" s="467"/>
      <c r="AX114" s="467"/>
      <c r="AY114" s="468"/>
      <c r="AZ114" s="464"/>
      <c r="BA114" s="316"/>
      <c r="BB114" s="317"/>
      <c r="BC114" s="317"/>
      <c r="BD114" s="317"/>
      <c r="BE114" s="318"/>
      <c r="BF114" s="328"/>
      <c r="BG114" s="329"/>
      <c r="BH114" s="329"/>
      <c r="BI114" s="330"/>
      <c r="BJ114" s="328"/>
      <c r="BK114" s="329"/>
      <c r="BL114" s="329"/>
      <c r="BM114" s="330"/>
      <c r="BN114" s="317"/>
      <c r="BO114" s="317"/>
      <c r="BP114" s="317"/>
      <c r="BQ114" s="318"/>
    </row>
    <row r="115" spans="1:69" s="2" customFormat="1" ht="29.25" customHeight="1" x14ac:dyDescent="0.2">
      <c r="A115" s="67"/>
      <c r="B115" s="67"/>
      <c r="C115" s="67"/>
      <c r="D115" s="67"/>
      <c r="E115" s="67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67"/>
      <c r="AA115" s="67"/>
      <c r="AB115" s="322"/>
      <c r="AC115" s="323"/>
      <c r="AD115" s="323"/>
      <c r="AE115" s="323"/>
      <c r="AF115" s="324"/>
      <c r="AG115" s="469"/>
      <c r="AH115" s="470"/>
      <c r="AI115" s="470"/>
      <c r="AJ115" s="470"/>
      <c r="AK115" s="470"/>
      <c r="AL115" s="470"/>
      <c r="AM115" s="470"/>
      <c r="AN115" s="470"/>
      <c r="AO115" s="470"/>
      <c r="AP115" s="470"/>
      <c r="AQ115" s="470"/>
      <c r="AR115" s="470"/>
      <c r="AS115" s="470"/>
      <c r="AT115" s="470"/>
      <c r="AU115" s="470"/>
      <c r="AV115" s="470"/>
      <c r="AW115" s="470"/>
      <c r="AX115" s="470"/>
      <c r="AY115" s="471"/>
      <c r="AZ115" s="464"/>
      <c r="BA115" s="322"/>
      <c r="BB115" s="323"/>
      <c r="BC115" s="323"/>
      <c r="BD115" s="323"/>
      <c r="BE115" s="324"/>
      <c r="BF115" s="482" t="s">
        <v>
23</v>
      </c>
      <c r="BG115" s="483"/>
      <c r="BH115" s="483"/>
      <c r="BI115" s="484"/>
      <c r="BJ115" s="482" t="s">
        <v>
23</v>
      </c>
      <c r="BK115" s="483"/>
      <c r="BL115" s="483"/>
      <c r="BM115" s="484"/>
      <c r="BN115" s="483" t="s">
        <v>
250</v>
      </c>
      <c r="BO115" s="483"/>
      <c r="BP115" s="483"/>
      <c r="BQ115" s="484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65"/>
      <c r="AA116" s="65"/>
      <c r="AB116" s="52" t="s">
        <v>
251</v>
      </c>
      <c r="AC116" s="35"/>
      <c r="AD116" s="35"/>
      <c r="AE116" s="35"/>
      <c r="AF116" s="35"/>
      <c r="AG116" s="469"/>
      <c r="AH116" s="470"/>
      <c r="AI116" s="470"/>
      <c r="AJ116" s="470"/>
      <c r="AK116" s="470"/>
      <c r="AL116" s="470"/>
      <c r="AM116" s="470"/>
      <c r="AN116" s="470"/>
      <c r="AO116" s="470"/>
      <c r="AP116" s="470"/>
      <c r="AQ116" s="470"/>
      <c r="AR116" s="470"/>
      <c r="AS116" s="470"/>
      <c r="AT116" s="470"/>
      <c r="AU116" s="470"/>
      <c r="AV116" s="470"/>
      <c r="AW116" s="470"/>
      <c r="AX116" s="470"/>
      <c r="AY116" s="471"/>
      <c r="AZ116" s="464"/>
      <c r="BA116" s="155" t="s">
        <v>
252</v>
      </c>
      <c r="BB116" s="156"/>
      <c r="BC116" s="156"/>
      <c r="BD116" s="156"/>
      <c r="BE116" s="211"/>
      <c r="BF116" s="477">
        <v>
99.232606797311817</v>
      </c>
      <c r="BG116" s="478"/>
      <c r="BH116" s="478"/>
      <c r="BI116" s="478"/>
      <c r="BJ116" s="477">
        <v>
49.706640770839336</v>
      </c>
      <c r="BK116" s="478"/>
      <c r="BL116" s="478"/>
      <c r="BM116" s="480"/>
      <c r="BN116" s="478">
        <v>
98.447566888802456</v>
      </c>
      <c r="BO116" s="478"/>
      <c r="BP116" s="478"/>
      <c r="BQ116" s="480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65"/>
      <c r="AA117" s="65"/>
      <c r="AB117" s="53"/>
      <c r="AC117" s="35"/>
      <c r="AD117" s="35"/>
      <c r="AE117" s="35"/>
      <c r="AF117" s="35"/>
      <c r="AG117" s="469"/>
      <c r="AH117" s="470"/>
      <c r="AI117" s="470"/>
      <c r="AJ117" s="470"/>
      <c r="AK117" s="470"/>
      <c r="AL117" s="470"/>
      <c r="AM117" s="470"/>
      <c r="AN117" s="470"/>
      <c r="AO117" s="470"/>
      <c r="AP117" s="470"/>
      <c r="AQ117" s="470"/>
      <c r="AR117" s="470"/>
      <c r="AS117" s="470"/>
      <c r="AT117" s="470"/>
      <c r="AU117" s="470"/>
      <c r="AV117" s="470"/>
      <c r="AW117" s="470"/>
      <c r="AX117" s="470"/>
      <c r="AY117" s="471"/>
      <c r="AZ117" s="464"/>
      <c r="BA117" s="475" t="s">
        <v>
253</v>
      </c>
      <c r="BB117" s="357"/>
      <c r="BC117" s="357"/>
      <c r="BD117" s="357"/>
      <c r="BE117" s="358"/>
      <c r="BF117" s="98" t="s">
        <v>
199</v>
      </c>
      <c r="BG117" s="476">
        <v>
99.2</v>
      </c>
      <c r="BH117" s="476"/>
      <c r="BI117" s="85" t="s">
        <v>
200</v>
      </c>
      <c r="BJ117" s="98" t="s">
        <v>
199</v>
      </c>
      <c r="BK117" s="476">
        <v>
49.7</v>
      </c>
      <c r="BL117" s="476"/>
      <c r="BM117" s="99" t="s">
        <v>
200</v>
      </c>
      <c r="BN117" s="85" t="s">
        <v>
199</v>
      </c>
      <c r="BO117" s="476">
        <v>
98.4</v>
      </c>
      <c r="BP117" s="476"/>
      <c r="BQ117" s="99" t="s">
        <v>
200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104"/>
      <c r="AA118" s="65"/>
      <c r="AB118" s="54"/>
      <c r="AC118" s="30"/>
      <c r="AD118" s="30"/>
      <c r="AE118" s="28"/>
      <c r="AF118" s="28"/>
      <c r="AG118" s="469"/>
      <c r="AH118" s="470"/>
      <c r="AI118" s="470"/>
      <c r="AJ118" s="470"/>
      <c r="AK118" s="470"/>
      <c r="AL118" s="470"/>
      <c r="AM118" s="470"/>
      <c r="AN118" s="470"/>
      <c r="AO118" s="470"/>
      <c r="AP118" s="470"/>
      <c r="AQ118" s="470"/>
      <c r="AR118" s="470"/>
      <c r="AS118" s="470"/>
      <c r="AT118" s="470"/>
      <c r="AU118" s="470"/>
      <c r="AV118" s="470"/>
      <c r="AW118" s="470"/>
      <c r="AX118" s="470"/>
      <c r="AY118" s="471"/>
      <c r="AZ118" s="464"/>
      <c r="BA118" s="55"/>
      <c r="BB118" s="155" t="s">
        <v>
254</v>
      </c>
      <c r="BC118" s="156"/>
      <c r="BD118" s="156"/>
      <c r="BE118" s="211"/>
      <c r="BF118" s="477">
        <v>
98.846963353410004</v>
      </c>
      <c r="BG118" s="478"/>
      <c r="BH118" s="478"/>
      <c r="BI118" s="478"/>
      <c r="BJ118" s="477">
        <v>
46.340234775875047</v>
      </c>
      <c r="BK118" s="478"/>
      <c r="BL118" s="478"/>
      <c r="BM118" s="478"/>
      <c r="BN118" s="477">
        <v>
97.693564292389766</v>
      </c>
      <c r="BO118" s="478"/>
      <c r="BP118" s="478"/>
      <c r="BQ118" s="480"/>
    </row>
    <row r="119" spans="1:69" s="2" customFormat="1" ht="21" customHeight="1" x14ac:dyDescent="0.2">
      <c r="A119" s="56"/>
      <c r="B119" s="56"/>
      <c r="C119" s="56"/>
      <c r="D119" s="57"/>
      <c r="E119" s="5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104"/>
      <c r="AA119" s="65"/>
      <c r="AB119" s="485">
        <v>
101408</v>
      </c>
      <c r="AC119" s="486"/>
      <c r="AD119" s="486"/>
      <c r="AE119" s="487" t="s">
        <v>
18</v>
      </c>
      <c r="AF119" s="489"/>
      <c r="AG119" s="469"/>
      <c r="AH119" s="470"/>
      <c r="AI119" s="470"/>
      <c r="AJ119" s="470"/>
      <c r="AK119" s="470"/>
      <c r="AL119" s="470"/>
      <c r="AM119" s="470"/>
      <c r="AN119" s="470"/>
      <c r="AO119" s="470"/>
      <c r="AP119" s="470"/>
      <c r="AQ119" s="470"/>
      <c r="AR119" s="470"/>
      <c r="AS119" s="470"/>
      <c r="AT119" s="470"/>
      <c r="AU119" s="470"/>
      <c r="AV119" s="470"/>
      <c r="AW119" s="470"/>
      <c r="AX119" s="470"/>
      <c r="AY119" s="471"/>
      <c r="AZ119" s="464"/>
      <c r="BA119" s="55"/>
      <c r="BB119" s="212"/>
      <c r="BC119" s="213"/>
      <c r="BD119" s="213"/>
      <c r="BE119" s="214"/>
      <c r="BF119" s="479"/>
      <c r="BG119" s="476"/>
      <c r="BH119" s="476"/>
      <c r="BI119" s="476"/>
      <c r="BJ119" s="479"/>
      <c r="BK119" s="476"/>
      <c r="BL119" s="476"/>
      <c r="BM119" s="476"/>
      <c r="BN119" s="479"/>
      <c r="BO119" s="476"/>
      <c r="BP119" s="476"/>
      <c r="BQ119" s="481"/>
    </row>
    <row r="120" spans="1:69" s="2" customFormat="1" ht="21" customHeight="1" x14ac:dyDescent="0.2">
      <c r="A120" s="58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104"/>
      <c r="AA120" s="65"/>
      <c r="AB120" s="59" t="s">
        <v>
255</v>
      </c>
      <c r="AC120" s="60"/>
      <c r="AD120" s="60"/>
      <c r="AE120" s="60"/>
      <c r="AF120" s="60"/>
      <c r="AG120" s="469"/>
      <c r="AH120" s="470"/>
      <c r="AI120" s="470"/>
      <c r="AJ120" s="470"/>
      <c r="AK120" s="470"/>
      <c r="AL120" s="470"/>
      <c r="AM120" s="470"/>
      <c r="AN120" s="470"/>
      <c r="AO120" s="470"/>
      <c r="AP120" s="470"/>
      <c r="AQ120" s="470"/>
      <c r="AR120" s="470"/>
      <c r="AS120" s="470"/>
      <c r="AT120" s="470"/>
      <c r="AU120" s="470"/>
      <c r="AV120" s="470"/>
      <c r="AW120" s="470"/>
      <c r="AX120" s="470"/>
      <c r="AY120" s="471"/>
      <c r="AZ120" s="464"/>
      <c r="BA120" s="55"/>
      <c r="BB120" s="155" t="s">
        <v>
256</v>
      </c>
      <c r="BC120" s="156"/>
      <c r="BD120" s="156"/>
      <c r="BE120" s="211"/>
      <c r="BF120" s="477">
        <v>
99.625593016295994</v>
      </c>
      <c r="BG120" s="478"/>
      <c r="BH120" s="478"/>
      <c r="BI120" s="478"/>
      <c r="BJ120" s="477">
        <v>
60.618412571604949</v>
      </c>
      <c r="BK120" s="478"/>
      <c r="BL120" s="478"/>
      <c r="BM120" s="478"/>
      <c r="BN120" s="477">
        <v>
99.25650187197391</v>
      </c>
      <c r="BO120" s="478"/>
      <c r="BP120" s="478"/>
      <c r="BQ120" s="480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104"/>
      <c r="AA121" s="65"/>
      <c r="AB121" s="53"/>
      <c r="AC121" s="35"/>
      <c r="AD121" s="35"/>
      <c r="AE121" s="35"/>
      <c r="AF121" s="35"/>
      <c r="AG121" s="469"/>
      <c r="AH121" s="470"/>
      <c r="AI121" s="470"/>
      <c r="AJ121" s="470"/>
      <c r="AK121" s="470"/>
      <c r="AL121" s="470"/>
      <c r="AM121" s="470"/>
      <c r="AN121" s="470"/>
      <c r="AO121" s="470"/>
      <c r="AP121" s="470"/>
      <c r="AQ121" s="470"/>
      <c r="AR121" s="470"/>
      <c r="AS121" s="470"/>
      <c r="AT121" s="470"/>
      <c r="AU121" s="470"/>
      <c r="AV121" s="470"/>
      <c r="AW121" s="470"/>
      <c r="AX121" s="470"/>
      <c r="AY121" s="471"/>
      <c r="AZ121" s="464"/>
      <c r="BA121" s="61"/>
      <c r="BB121" s="212"/>
      <c r="BC121" s="213"/>
      <c r="BD121" s="213"/>
      <c r="BE121" s="214"/>
      <c r="BF121" s="479"/>
      <c r="BG121" s="476"/>
      <c r="BH121" s="476"/>
      <c r="BI121" s="476"/>
      <c r="BJ121" s="479"/>
      <c r="BK121" s="476"/>
      <c r="BL121" s="476"/>
      <c r="BM121" s="476"/>
      <c r="BN121" s="479"/>
      <c r="BO121" s="476"/>
      <c r="BP121" s="476"/>
      <c r="BQ121" s="481"/>
    </row>
    <row r="122" spans="1:69" s="2" customFormat="1" ht="39" customHeight="1" x14ac:dyDescent="0.2">
      <c r="A122" s="56"/>
      <c r="B122" s="56"/>
      <c r="C122" s="56"/>
      <c r="D122" s="57"/>
      <c r="E122" s="5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4"/>
      <c r="AA122" s="94"/>
      <c r="AB122" s="485">
        <v>
4362</v>
      </c>
      <c r="AC122" s="486"/>
      <c r="AD122" s="486"/>
      <c r="AE122" s="487" t="s">
        <v>
18</v>
      </c>
      <c r="AF122" s="487"/>
      <c r="AG122" s="472"/>
      <c r="AH122" s="473"/>
      <c r="AI122" s="473"/>
      <c r="AJ122" s="473"/>
      <c r="AK122" s="473"/>
      <c r="AL122" s="473"/>
      <c r="AM122" s="473"/>
      <c r="AN122" s="473"/>
      <c r="AO122" s="473"/>
      <c r="AP122" s="473"/>
      <c r="AQ122" s="473"/>
      <c r="AR122" s="473"/>
      <c r="AS122" s="473"/>
      <c r="AT122" s="473"/>
      <c r="AU122" s="473"/>
      <c r="AV122" s="473"/>
      <c r="AW122" s="473"/>
      <c r="AX122" s="473"/>
      <c r="AY122" s="474"/>
      <c r="AZ122" s="465"/>
      <c r="BA122" s="121" t="s">
        <v>
257</v>
      </c>
      <c r="BB122" s="122"/>
      <c r="BC122" s="122"/>
      <c r="BD122" s="122"/>
      <c r="BE122" s="123"/>
      <c r="BF122" s="488">
        <v>
93.265583451739488</v>
      </c>
      <c r="BG122" s="488"/>
      <c r="BH122" s="488"/>
      <c r="BI122" s="488"/>
      <c r="BJ122" s="488">
        <v>
43.286576133950433</v>
      </c>
      <c r="BK122" s="488"/>
      <c r="BL122" s="488"/>
      <c r="BM122" s="488"/>
      <c r="BN122" s="488">
        <v>
86.76101270942263</v>
      </c>
      <c r="BO122" s="488"/>
      <c r="BP122" s="488"/>
      <c r="BQ122" s="488"/>
    </row>
    <row r="123" spans="1:69" s="2" customFormat="1" ht="24" customHeight="1" x14ac:dyDescent="0.2">
      <c r="Y123" s="62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西東京市</vt:lpstr>
      <vt:lpstr>西東京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2T00:01:04Z</cp:lastPrinted>
  <dcterms:created xsi:type="dcterms:W3CDTF">2019-11-11T06:03:34Z</dcterms:created>
  <dcterms:modified xsi:type="dcterms:W3CDTF">2020-01-14T10:24:08Z</dcterms:modified>
</cp:coreProperties>
</file>